
<file path=[Content_Types].xml><?xml version="1.0" encoding="utf-8"?>
<Types xmlns="http://schemas.openxmlformats.org/package/2006/content-types"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3"/>
  </p:sldMasterIdLst>
  <p:notesMasterIdLst>
    <p:notesMasterId r:id="rId11"/>
  </p:notesMasterIdLst>
  <p:handoutMasterIdLst>
    <p:handoutMasterId r:id="rId12"/>
  </p:handoutMasterIdLst>
  <p:sldIdLst>
    <p:sldId id="272" r:id="rId4"/>
    <p:sldId id="271" r:id="rId5"/>
    <p:sldId id="274" r:id="rId6"/>
    <p:sldId id="273" r:id="rId7"/>
    <p:sldId id="263" r:id="rId8"/>
    <p:sldId id="275" r:id="rId9"/>
    <p:sldId id="276" r:id="rId10"/>
  </p:sldIdLst>
  <p:sldSz cx="9144000" cy="5143500" type="screen16x9"/>
  <p:notesSz cx="6805613" cy="9939338"/>
  <p:defaultTextStyle>
    <a:defPPr>
      <a:defRPr lang="da-DK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434">
          <p15:clr>
            <a:srgbClr val="A4A3A4"/>
          </p15:clr>
        </p15:guide>
        <p15:guide id="2" orient="horz" pos="1469">
          <p15:clr>
            <a:srgbClr val="A4A3A4"/>
          </p15:clr>
        </p15:guide>
        <p15:guide id="3" orient="horz" pos="3929">
          <p15:clr>
            <a:srgbClr val="A4A3A4"/>
          </p15:clr>
        </p15:guide>
        <p15:guide id="4" pos="5284">
          <p15:clr>
            <a:srgbClr val="A4A3A4"/>
          </p15:clr>
        </p15:guide>
        <p15:guide id="5" pos="567">
          <p15:clr>
            <a:srgbClr val="A4A3A4"/>
          </p15:clr>
        </p15:guide>
        <p15:guide id="6" orient="horz" pos="1076">
          <p15:clr>
            <a:srgbClr val="A4A3A4"/>
          </p15:clr>
        </p15:guide>
        <p15:guide id="7" orient="horz" pos="1102">
          <p15:clr>
            <a:srgbClr val="A4A3A4"/>
          </p15:clr>
        </p15:guide>
        <p15:guide id="8" orient="horz" pos="2947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0000"/>
    <a:srgbClr val="FA3C3C"/>
    <a:srgbClr val="192337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50E0BCA1-BEDD-4246-B225-D1A1B8B4B754}" v="4" dt="2022-09-16T10:20:26.854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9981" autoAdjust="0"/>
    <p:restoredTop sz="94660"/>
  </p:normalViewPr>
  <p:slideViewPr>
    <p:cSldViewPr snapToObjects="1">
      <p:cViewPr varScale="1">
        <p:scale>
          <a:sx n="110" d="100"/>
          <a:sy n="110" d="100"/>
        </p:scale>
        <p:origin x="461" y="77"/>
      </p:cViewPr>
      <p:guideLst>
        <p:guide orient="horz" pos="1434"/>
        <p:guide orient="horz" pos="1469"/>
        <p:guide orient="horz" pos="3929"/>
        <p:guide pos="5284"/>
        <p:guide pos="567"/>
        <p:guide orient="horz" pos="1076"/>
        <p:guide orient="horz" pos="1102"/>
        <p:guide orient="horz" pos="2947"/>
      </p:guideLst>
    </p:cSldViewPr>
  </p:slideViewPr>
  <p:notesTextViewPr>
    <p:cViewPr>
      <p:scale>
        <a:sx n="3" d="2"/>
        <a:sy n="3" d="2"/>
      </p:scale>
      <p:origin x="0" y="0"/>
    </p:cViewPr>
  </p:notesTextViewPr>
  <p:notesViewPr>
    <p:cSldViewPr snapToObjects="1">
      <p:cViewPr varScale="1">
        <p:scale>
          <a:sx n="81" d="100"/>
          <a:sy n="81" d="100"/>
        </p:scale>
        <p:origin x="3240" y="102"/>
      </p:cViewPr>
      <p:guideLst/>
    </p:cSldViewPr>
  </p:notesViewPr>
  <p:gridSpacing cx="36004" cy="36004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5.xml"/><Relationship Id="rId13" Type="http://schemas.openxmlformats.org/officeDocument/2006/relationships/presProps" Target="presProps.xml"/><Relationship Id="rId18" Type="http://schemas.microsoft.com/office/2015/10/relationships/revisionInfo" Target="revisionInfo.xml"/><Relationship Id="rId3" Type="http://schemas.openxmlformats.org/officeDocument/2006/relationships/slideMaster" Target="slideMasters/slideMaster1.xml"/><Relationship Id="rId7" Type="http://schemas.openxmlformats.org/officeDocument/2006/relationships/slide" Target="slides/slide4.xml"/><Relationship Id="rId12" Type="http://schemas.openxmlformats.org/officeDocument/2006/relationships/handoutMaster" Target="handoutMasters/handoutMaster1.xml"/><Relationship Id="rId17" Type="http://schemas.microsoft.com/office/2016/11/relationships/changesInfo" Target="changesInfos/changesInfo1.xml"/><Relationship Id="rId2" Type="http://schemas.openxmlformats.org/officeDocument/2006/relationships/customXml" Target="../customXml/item2.xml"/><Relationship Id="rId16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slide" Target="slides/slide3.xml"/><Relationship Id="rId11" Type="http://schemas.openxmlformats.org/officeDocument/2006/relationships/notesMaster" Target="notesMasters/notesMaster1.xml"/><Relationship Id="rId5" Type="http://schemas.openxmlformats.org/officeDocument/2006/relationships/slide" Target="slides/slide2.xml"/><Relationship Id="rId15" Type="http://schemas.openxmlformats.org/officeDocument/2006/relationships/theme" Target="theme/theme1.xml"/><Relationship Id="rId10" Type="http://schemas.openxmlformats.org/officeDocument/2006/relationships/slide" Target="slides/slide7.xml"/><Relationship Id="rId4" Type="http://schemas.openxmlformats.org/officeDocument/2006/relationships/slide" Target="slides/slide1.xml"/><Relationship Id="rId9" Type="http://schemas.openxmlformats.org/officeDocument/2006/relationships/slide" Target="slides/slide6.xml"/><Relationship Id="rId14" Type="http://schemas.openxmlformats.org/officeDocument/2006/relationships/viewProps" Target="viewProp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Vibeke Brander Lenskjold" userId="aba9461b-14eb-47ef-81fd-039e81c7e36b" providerId="ADAL" clId="{50E0BCA1-BEDD-4246-B225-D1A1B8B4B754}"/>
    <pc:docChg chg="undo custSel addSld delSld modSld sldOrd">
      <pc:chgData name="Vibeke Brander Lenskjold" userId="aba9461b-14eb-47ef-81fd-039e81c7e36b" providerId="ADAL" clId="{50E0BCA1-BEDD-4246-B225-D1A1B8B4B754}" dt="2022-09-16T10:23:10.243" v="287" actId="2711"/>
      <pc:docMkLst>
        <pc:docMk/>
      </pc:docMkLst>
      <pc:sldChg chg="del">
        <pc:chgData name="Vibeke Brander Lenskjold" userId="aba9461b-14eb-47ef-81fd-039e81c7e36b" providerId="ADAL" clId="{50E0BCA1-BEDD-4246-B225-D1A1B8B4B754}" dt="2022-09-16T10:04:07.769" v="73" actId="2696"/>
        <pc:sldMkLst>
          <pc:docMk/>
          <pc:sldMk cId="0" sldId="256"/>
        </pc:sldMkLst>
      </pc:sldChg>
      <pc:sldChg chg="del">
        <pc:chgData name="Vibeke Brander Lenskjold" userId="aba9461b-14eb-47ef-81fd-039e81c7e36b" providerId="ADAL" clId="{50E0BCA1-BEDD-4246-B225-D1A1B8B4B754}" dt="2022-09-16T10:04:34.308" v="77" actId="2696"/>
        <pc:sldMkLst>
          <pc:docMk/>
          <pc:sldMk cId="1973952413" sldId="262"/>
        </pc:sldMkLst>
      </pc:sldChg>
      <pc:sldChg chg="delSp modSp mod">
        <pc:chgData name="Vibeke Brander Lenskjold" userId="aba9461b-14eb-47ef-81fd-039e81c7e36b" providerId="ADAL" clId="{50E0BCA1-BEDD-4246-B225-D1A1B8B4B754}" dt="2022-09-16T10:11:26.965" v="202" actId="14734"/>
        <pc:sldMkLst>
          <pc:docMk/>
          <pc:sldMk cId="4033344637" sldId="263"/>
        </pc:sldMkLst>
        <pc:spChg chg="del mod">
          <ac:chgData name="Vibeke Brander Lenskjold" userId="aba9461b-14eb-47ef-81fd-039e81c7e36b" providerId="ADAL" clId="{50E0BCA1-BEDD-4246-B225-D1A1B8B4B754}" dt="2022-09-16T10:09:16.161" v="182" actId="478"/>
          <ac:spMkLst>
            <pc:docMk/>
            <pc:sldMk cId="4033344637" sldId="263"/>
            <ac:spMk id="7" creationId="{00000000-0000-0000-0000-000000000000}"/>
          </ac:spMkLst>
        </pc:spChg>
        <pc:graphicFrameChg chg="mod modGraphic">
          <ac:chgData name="Vibeke Brander Lenskjold" userId="aba9461b-14eb-47ef-81fd-039e81c7e36b" providerId="ADAL" clId="{50E0BCA1-BEDD-4246-B225-D1A1B8B4B754}" dt="2022-09-16T10:11:26.965" v="202" actId="14734"/>
          <ac:graphicFrameMkLst>
            <pc:docMk/>
            <pc:sldMk cId="4033344637" sldId="263"/>
            <ac:graphicFrameMk id="10" creationId="{E9CDB218-062A-7BEA-AB52-B47023D7479A}"/>
          </ac:graphicFrameMkLst>
        </pc:graphicFrameChg>
      </pc:sldChg>
      <pc:sldChg chg="del">
        <pc:chgData name="Vibeke Brander Lenskjold" userId="aba9461b-14eb-47ef-81fd-039e81c7e36b" providerId="ADAL" clId="{50E0BCA1-BEDD-4246-B225-D1A1B8B4B754}" dt="2022-09-16T10:20:01.208" v="264" actId="2696"/>
        <pc:sldMkLst>
          <pc:docMk/>
          <pc:sldMk cId="2815965006" sldId="269"/>
        </pc:sldMkLst>
      </pc:sldChg>
      <pc:sldChg chg="modSp mod">
        <pc:chgData name="Vibeke Brander Lenskjold" userId="aba9461b-14eb-47ef-81fd-039e81c7e36b" providerId="ADAL" clId="{50E0BCA1-BEDD-4246-B225-D1A1B8B4B754}" dt="2022-09-16T10:02:53.906" v="6" actId="1076"/>
        <pc:sldMkLst>
          <pc:docMk/>
          <pc:sldMk cId="3066170391" sldId="271"/>
        </pc:sldMkLst>
        <pc:spChg chg="mod">
          <ac:chgData name="Vibeke Brander Lenskjold" userId="aba9461b-14eb-47ef-81fd-039e81c7e36b" providerId="ADAL" clId="{50E0BCA1-BEDD-4246-B225-D1A1B8B4B754}" dt="2022-09-16T10:02:53.396" v="5" actId="1076"/>
          <ac:spMkLst>
            <pc:docMk/>
            <pc:sldMk cId="3066170391" sldId="271"/>
            <ac:spMk id="2" creationId="{DABE64B8-147B-46EC-88FE-15024FFF4751}"/>
          </ac:spMkLst>
        </pc:spChg>
        <pc:spChg chg="mod">
          <ac:chgData name="Vibeke Brander Lenskjold" userId="aba9461b-14eb-47ef-81fd-039e81c7e36b" providerId="ADAL" clId="{50E0BCA1-BEDD-4246-B225-D1A1B8B4B754}" dt="2022-09-16T10:02:44.502" v="2" actId="255"/>
          <ac:spMkLst>
            <pc:docMk/>
            <pc:sldMk cId="3066170391" sldId="271"/>
            <ac:spMk id="3" creationId="{00000000-0000-0000-0000-000000000000}"/>
          </ac:spMkLst>
        </pc:spChg>
        <pc:spChg chg="mod">
          <ac:chgData name="Vibeke Brander Lenskjold" userId="aba9461b-14eb-47ef-81fd-039e81c7e36b" providerId="ADAL" clId="{50E0BCA1-BEDD-4246-B225-D1A1B8B4B754}" dt="2022-09-16T10:02:53.906" v="6" actId="1076"/>
          <ac:spMkLst>
            <pc:docMk/>
            <pc:sldMk cId="3066170391" sldId="271"/>
            <ac:spMk id="24" creationId="{83136C98-089D-4809-8DD0-0DFDB7A65342}"/>
          </ac:spMkLst>
        </pc:spChg>
      </pc:sldChg>
      <pc:sldChg chg="modSp new mod ord">
        <pc:chgData name="Vibeke Brander Lenskjold" userId="aba9461b-14eb-47ef-81fd-039e81c7e36b" providerId="ADAL" clId="{50E0BCA1-BEDD-4246-B225-D1A1B8B4B754}" dt="2022-09-16T10:14:18.316" v="212" actId="20577"/>
        <pc:sldMkLst>
          <pc:docMk/>
          <pc:sldMk cId="616729707" sldId="272"/>
        </pc:sldMkLst>
        <pc:spChg chg="mod">
          <ac:chgData name="Vibeke Brander Lenskjold" userId="aba9461b-14eb-47ef-81fd-039e81c7e36b" providerId="ADAL" clId="{50E0BCA1-BEDD-4246-B225-D1A1B8B4B754}" dt="2022-09-16T10:03:34.771" v="36" actId="20577"/>
          <ac:spMkLst>
            <pc:docMk/>
            <pc:sldMk cId="616729707" sldId="272"/>
            <ac:spMk id="2" creationId="{AFC27ACA-1A3B-78E0-F9BC-2D8989E2E92D}"/>
          </ac:spMkLst>
        </pc:spChg>
        <pc:spChg chg="mod">
          <ac:chgData name="Vibeke Brander Lenskjold" userId="aba9461b-14eb-47ef-81fd-039e81c7e36b" providerId="ADAL" clId="{50E0BCA1-BEDD-4246-B225-D1A1B8B4B754}" dt="2022-09-16T10:14:18.316" v="212" actId="20577"/>
          <ac:spMkLst>
            <pc:docMk/>
            <pc:sldMk cId="616729707" sldId="272"/>
            <ac:spMk id="3" creationId="{98476032-2D4B-3F45-4071-E77D21DB7990}"/>
          </ac:spMkLst>
        </pc:spChg>
      </pc:sldChg>
      <pc:sldChg chg="modSp new mod ord">
        <pc:chgData name="Vibeke Brander Lenskjold" userId="aba9461b-14eb-47ef-81fd-039e81c7e36b" providerId="ADAL" clId="{50E0BCA1-BEDD-4246-B225-D1A1B8B4B754}" dt="2022-09-16T10:16:39.191" v="252" actId="20577"/>
        <pc:sldMkLst>
          <pc:docMk/>
          <pc:sldMk cId="2367228593" sldId="273"/>
        </pc:sldMkLst>
        <pc:spChg chg="mod">
          <ac:chgData name="Vibeke Brander Lenskjold" userId="aba9461b-14eb-47ef-81fd-039e81c7e36b" providerId="ADAL" clId="{50E0BCA1-BEDD-4246-B225-D1A1B8B4B754}" dt="2022-09-16T10:16:39.191" v="252" actId="20577"/>
          <ac:spMkLst>
            <pc:docMk/>
            <pc:sldMk cId="2367228593" sldId="273"/>
            <ac:spMk id="2" creationId="{77B1B828-0A75-F78B-1F08-567CFE6A390C}"/>
          </ac:spMkLst>
        </pc:spChg>
        <pc:spChg chg="mod">
          <ac:chgData name="Vibeke Brander Lenskjold" userId="aba9461b-14eb-47ef-81fd-039e81c7e36b" providerId="ADAL" clId="{50E0BCA1-BEDD-4246-B225-D1A1B8B4B754}" dt="2022-09-16T10:08:17.154" v="137" actId="20577"/>
          <ac:spMkLst>
            <pc:docMk/>
            <pc:sldMk cId="2367228593" sldId="273"/>
            <ac:spMk id="3" creationId="{DC2A4D3F-4DA6-858B-0C3C-E917864B0DBA}"/>
          </ac:spMkLst>
        </pc:spChg>
      </pc:sldChg>
      <pc:sldChg chg="addSp delSp modSp new mod ord">
        <pc:chgData name="Vibeke Brander Lenskjold" userId="aba9461b-14eb-47ef-81fd-039e81c7e36b" providerId="ADAL" clId="{50E0BCA1-BEDD-4246-B225-D1A1B8B4B754}" dt="2022-09-16T10:16:25.763" v="230"/>
        <pc:sldMkLst>
          <pc:docMk/>
          <pc:sldMk cId="2076526530" sldId="274"/>
        </pc:sldMkLst>
        <pc:spChg chg="mod">
          <ac:chgData name="Vibeke Brander Lenskjold" userId="aba9461b-14eb-47ef-81fd-039e81c7e36b" providerId="ADAL" clId="{50E0BCA1-BEDD-4246-B225-D1A1B8B4B754}" dt="2022-09-16T10:14:40.574" v="214"/>
          <ac:spMkLst>
            <pc:docMk/>
            <pc:sldMk cId="2076526530" sldId="274"/>
            <ac:spMk id="2" creationId="{FC3C2726-C22E-9804-B6EE-9E83DC6C274D}"/>
          </ac:spMkLst>
        </pc:spChg>
        <pc:spChg chg="mod">
          <ac:chgData name="Vibeke Brander Lenskjold" userId="aba9461b-14eb-47ef-81fd-039e81c7e36b" providerId="ADAL" clId="{50E0BCA1-BEDD-4246-B225-D1A1B8B4B754}" dt="2022-09-16T10:16:20.562" v="228" actId="20577"/>
          <ac:spMkLst>
            <pc:docMk/>
            <pc:sldMk cId="2076526530" sldId="274"/>
            <ac:spMk id="3" creationId="{9AC580DC-F302-639A-0D79-8800DE9F0C10}"/>
          </ac:spMkLst>
        </pc:spChg>
        <pc:graphicFrameChg chg="add del mod">
          <ac:chgData name="Vibeke Brander Lenskjold" userId="aba9461b-14eb-47ef-81fd-039e81c7e36b" providerId="ADAL" clId="{50E0BCA1-BEDD-4246-B225-D1A1B8B4B754}" dt="2022-09-16T10:14:26.051" v="213" actId="478"/>
          <ac:graphicFrameMkLst>
            <pc:docMk/>
            <pc:sldMk cId="2076526530" sldId="274"/>
            <ac:graphicFrameMk id="5" creationId="{84EE9C45-8C5A-8B03-A237-58E84BB0856E}"/>
          </ac:graphicFrameMkLst>
        </pc:graphicFrameChg>
      </pc:sldChg>
      <pc:sldChg chg="addSp modSp new mod">
        <pc:chgData name="Vibeke Brander Lenskjold" userId="aba9461b-14eb-47ef-81fd-039e81c7e36b" providerId="ADAL" clId="{50E0BCA1-BEDD-4246-B225-D1A1B8B4B754}" dt="2022-09-16T10:22:27.069" v="282" actId="21"/>
        <pc:sldMkLst>
          <pc:docMk/>
          <pc:sldMk cId="2001121791" sldId="275"/>
        </pc:sldMkLst>
        <pc:spChg chg="add mod">
          <ac:chgData name="Vibeke Brander Lenskjold" userId="aba9461b-14eb-47ef-81fd-039e81c7e36b" providerId="ADAL" clId="{50E0BCA1-BEDD-4246-B225-D1A1B8B4B754}" dt="2022-09-16T10:22:27.069" v="282" actId="21"/>
          <ac:spMkLst>
            <pc:docMk/>
            <pc:sldMk cId="2001121791" sldId="275"/>
            <ac:spMk id="4" creationId="{8A938DBF-131C-F31C-F4E7-E55A22542AEC}"/>
          </ac:spMkLst>
        </pc:spChg>
        <pc:graphicFrameChg chg="add mod modGraphic">
          <ac:chgData name="Vibeke Brander Lenskjold" userId="aba9461b-14eb-47ef-81fd-039e81c7e36b" providerId="ADAL" clId="{50E0BCA1-BEDD-4246-B225-D1A1B8B4B754}" dt="2022-09-16T10:21:09.097" v="272" actId="14100"/>
          <ac:graphicFrameMkLst>
            <pc:docMk/>
            <pc:sldMk cId="2001121791" sldId="275"/>
            <ac:graphicFrameMk id="2" creationId="{14E58FE1-861B-99A3-7B2A-AC8E28896A72}"/>
          </ac:graphicFrameMkLst>
        </pc:graphicFrameChg>
      </pc:sldChg>
      <pc:sldChg chg="addSp modSp new mod">
        <pc:chgData name="Vibeke Brander Lenskjold" userId="aba9461b-14eb-47ef-81fd-039e81c7e36b" providerId="ADAL" clId="{50E0BCA1-BEDD-4246-B225-D1A1B8B4B754}" dt="2022-09-16T10:23:10.243" v="287" actId="2711"/>
        <pc:sldMkLst>
          <pc:docMk/>
          <pc:sldMk cId="2283494533" sldId="276"/>
        </pc:sldMkLst>
        <pc:spChg chg="add mod">
          <ac:chgData name="Vibeke Brander Lenskjold" userId="aba9461b-14eb-47ef-81fd-039e81c7e36b" providerId="ADAL" clId="{50E0BCA1-BEDD-4246-B225-D1A1B8B4B754}" dt="2022-09-16T10:23:10.243" v="287" actId="2711"/>
          <ac:spMkLst>
            <pc:docMk/>
            <pc:sldMk cId="2283494533" sldId="276"/>
            <ac:spMk id="4" creationId="{5A6116C1-1E20-8630-5790-19972DD29786}"/>
          </ac:spMkLst>
        </pc:spChg>
        <pc:graphicFrameChg chg="add mod modGraphic">
          <ac:chgData name="Vibeke Brander Lenskjold" userId="aba9461b-14eb-47ef-81fd-039e81c7e36b" providerId="ADAL" clId="{50E0BCA1-BEDD-4246-B225-D1A1B8B4B754}" dt="2022-09-16T10:20:50.400" v="271" actId="255"/>
          <ac:graphicFrameMkLst>
            <pc:docMk/>
            <pc:sldMk cId="2283494533" sldId="276"/>
            <ac:graphicFrameMk id="2" creationId="{0E1CBF74-D47F-E424-A234-1B766AB64415}"/>
          </ac:graphicFrameMkLst>
        </pc:graphicFrameChg>
      </pc:sld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54450" y="0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BDBD347-9913-4ABB-8A43-9B8FF372A2DD}" type="datetimeFigureOut">
              <a:rPr lang="en-US"/>
              <a:t>9/16/2022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40863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54450" y="9440863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8B116402-ABF7-47D5-AC3C-5EC41B4152DB}" type="slidenum">
              <a:rPr lang="en-US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12812559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9575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54450" y="0"/>
            <a:ext cx="2949575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A120F30-42D0-4B58-B5B5-52B23DE7A863}" type="datetimeFigureOut">
              <a:rPr lang="da-DK"/>
              <a:pPr/>
              <a:t>16-09-2022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92075" y="746125"/>
            <a:ext cx="6623050" cy="3725863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1038" y="4721225"/>
            <a:ext cx="5443537" cy="447198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40863"/>
            <a:ext cx="2949575" cy="4968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54450" y="9440863"/>
            <a:ext cx="2949575" cy="4968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336C548-B58F-4577-956A-A567C7589401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128366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dirty="0"/>
              <a:t>3 pointer</a:t>
            </a:r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36C548-B58F-4577-956A-A567C7589401}" type="slidenum">
              <a:rPr lang="en-GB"/>
              <a:pPr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0247715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troside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ggrund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pic>
        <p:nvPicPr>
          <p:cNvPr id="1026" name="Picture 2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04728" y="1974453"/>
            <a:ext cx="3334544" cy="119459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sside 2-spaltet med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63200" y="663538"/>
            <a:ext cx="4889293" cy="986182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763587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8" name="Pladsholder til tekst 5"/>
          <p:cNvSpPr>
            <a:spLocks noGrp="1"/>
          </p:cNvSpPr>
          <p:nvPr>
            <p:ph type="body" sz="quarter" idx="12"/>
          </p:nvPr>
        </p:nvSpPr>
        <p:spPr>
          <a:xfrm>
            <a:off x="3284240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7" name="Pladsholder til billede 6"/>
          <p:cNvSpPr>
            <a:spLocks noGrp="1"/>
          </p:cNvSpPr>
          <p:nvPr>
            <p:ph type="pic" sz="quarter" idx="13"/>
          </p:nvPr>
        </p:nvSpPr>
        <p:spPr>
          <a:xfrm>
            <a:off x="6099175" y="0"/>
            <a:ext cx="3044825" cy="5143500"/>
          </a:xfrm>
          <a:prstGeom prst="rect">
            <a:avLst/>
          </a:prstGeom>
        </p:spPr>
        <p:txBody>
          <a:bodyPr/>
          <a:lstStyle/>
          <a:p>
            <a:endParaRPr lang="da-DK" dirty="0"/>
          </a:p>
        </p:txBody>
      </p:sp>
      <p:sp>
        <p:nvSpPr>
          <p:cNvPr id="10" name="Pladsholder til dato 2"/>
          <p:cNvSpPr>
            <a:spLocks noGrp="1"/>
          </p:cNvSpPr>
          <p:nvPr>
            <p:ph type="dt" sz="half" idx="2"/>
          </p:nvPr>
        </p:nvSpPr>
        <p:spPr>
          <a:xfrm>
            <a:off x="3312382" y="4775527"/>
            <a:ext cx="2555762" cy="138499"/>
          </a:xfrm>
          <a:prstGeom prst="rect">
            <a:avLst/>
          </a:prstGeom>
        </p:spPr>
        <p:txBody>
          <a:bodyPr lIns="0" tIns="0" rIns="0" bIns="0"/>
          <a:lstStyle>
            <a:lvl1pPr>
              <a:defRPr sz="900">
                <a:latin typeface="Georgia" panose="02040502050405020303" pitchFamily="18" charset="0"/>
              </a:defRPr>
            </a:lvl1pPr>
          </a:lstStyle>
          <a:p>
            <a:fld id="{E3F176F0-4EB5-41D1-866E-A621282BE2B8}" type="datetime2">
              <a:rPr lang="da-DK" smtClean="0"/>
              <a:t>16. september 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4337048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dholdsside med billede vens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dsholder til billede 6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4572000" cy="5143500"/>
          </a:xfrm>
          <a:prstGeom prst="rect">
            <a:avLst/>
          </a:prstGeom>
        </p:spPr>
        <p:txBody>
          <a:bodyPr/>
          <a:lstStyle/>
          <a:p>
            <a:endParaRPr lang="da-DK" dirty="0"/>
          </a:p>
        </p:txBody>
      </p:sp>
      <p:sp>
        <p:nvSpPr>
          <p:cNvPr id="9" name="Baggrund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4578144" y="0"/>
            <a:ext cx="4565856" cy="257175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0" name="Pladsholder til tekst 5"/>
          <p:cNvSpPr>
            <a:spLocks noGrp="1"/>
          </p:cNvSpPr>
          <p:nvPr>
            <p:ph type="body" sz="quarter" idx="14"/>
          </p:nvPr>
        </p:nvSpPr>
        <p:spPr>
          <a:xfrm>
            <a:off x="5078874" y="421779"/>
            <a:ext cx="3564396" cy="1728192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1pPr>
            <a:lvl2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2pPr>
            <a:lvl3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3pPr>
            <a:lvl4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4pPr>
            <a:lvl5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1" name="Pladsholder til tekst 5"/>
          <p:cNvSpPr>
            <a:spLocks noGrp="1"/>
          </p:cNvSpPr>
          <p:nvPr>
            <p:ph type="body" sz="quarter" idx="15"/>
          </p:nvPr>
        </p:nvSpPr>
        <p:spPr>
          <a:xfrm>
            <a:off x="5083916" y="3687874"/>
            <a:ext cx="2260392" cy="1116124"/>
          </a:xfrm>
          <a:prstGeom prst="rect">
            <a:avLst/>
          </a:prstGeom>
        </p:spPr>
        <p:txBody>
          <a:bodyPr lIns="0" tIns="0" rIns="0" bIns="0"/>
          <a:lstStyle>
            <a:lvl1pPr algn="l">
              <a:defRPr sz="1000">
                <a:solidFill>
                  <a:srgbClr val="000000"/>
                </a:solidFill>
                <a:latin typeface="Georgia" panose="02040502050405020303" pitchFamily="18" charset="0"/>
              </a:defRPr>
            </a:lvl1pPr>
            <a:lvl2pPr algn="l">
              <a:defRPr sz="1000">
                <a:solidFill>
                  <a:srgbClr val="000000"/>
                </a:solidFill>
                <a:latin typeface="Georgia" panose="02040502050405020303" pitchFamily="18" charset="0"/>
              </a:defRPr>
            </a:lvl2pPr>
            <a:lvl3pPr algn="l">
              <a:defRPr sz="1000">
                <a:solidFill>
                  <a:srgbClr val="000000"/>
                </a:solidFill>
                <a:latin typeface="Georgia" panose="02040502050405020303" pitchFamily="18" charset="0"/>
              </a:defRPr>
            </a:lvl3pPr>
            <a:lvl4pPr algn="l">
              <a:defRPr sz="1000">
                <a:solidFill>
                  <a:srgbClr val="000000"/>
                </a:solidFill>
                <a:latin typeface="Georgia" panose="02040502050405020303" pitchFamily="18" charset="0"/>
              </a:defRPr>
            </a:lvl4pPr>
            <a:lvl5pPr algn="l">
              <a:defRPr sz="1000">
                <a:solidFill>
                  <a:srgbClr val="000000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Titel 1"/>
          <p:cNvSpPr>
            <a:spLocks noGrp="1"/>
          </p:cNvSpPr>
          <p:nvPr>
            <p:ph type="title"/>
          </p:nvPr>
        </p:nvSpPr>
        <p:spPr>
          <a:xfrm>
            <a:off x="5078874" y="3039802"/>
            <a:ext cx="2265434" cy="468052"/>
          </a:xfrm>
        </p:spPr>
        <p:txBody>
          <a:bodyPr/>
          <a:lstStyle>
            <a:lvl1pPr>
              <a:defRPr sz="1600">
                <a:solidFill>
                  <a:srgbClr val="000000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8" name="bk object 16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3" name="bk object 17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1471630897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sside 2-spaltet - Spejl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5184068" y="395103"/>
            <a:ext cx="3449133" cy="628475"/>
          </a:xfrm>
        </p:spPr>
        <p:txBody>
          <a:bodyPr/>
          <a:lstStyle>
            <a:lvl1pPr algn="ctr">
              <a:defRPr sz="2000"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5188133" y="1203598"/>
            <a:ext cx="3445068" cy="2592388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rgbClr val="000000"/>
                </a:solidFill>
              </a:defRPr>
            </a:lvl1pPr>
            <a:lvl2pPr algn="ctr">
              <a:defRPr>
                <a:solidFill>
                  <a:srgbClr val="000000"/>
                </a:solidFill>
              </a:defRPr>
            </a:lvl2pPr>
            <a:lvl3pPr algn="ctr">
              <a:defRPr>
                <a:solidFill>
                  <a:srgbClr val="000000"/>
                </a:solidFill>
              </a:defRPr>
            </a:lvl3pPr>
            <a:lvl4pPr algn="ctr">
              <a:defRPr>
                <a:solidFill>
                  <a:srgbClr val="000000"/>
                </a:solidFill>
              </a:defRPr>
            </a:lvl4pPr>
            <a:lvl5pPr algn="ctr"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Baggrund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0" y="0"/>
            <a:ext cx="4572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9" name="Pladsholder til tekst 5"/>
          <p:cNvSpPr>
            <a:spLocks noGrp="1"/>
          </p:cNvSpPr>
          <p:nvPr>
            <p:ph type="body" sz="quarter" idx="13"/>
          </p:nvPr>
        </p:nvSpPr>
        <p:spPr>
          <a:xfrm>
            <a:off x="719826" y="888194"/>
            <a:ext cx="3132348" cy="3367112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1pPr>
            <a:lvl2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2pPr>
            <a:lvl3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3pPr>
            <a:lvl4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4pPr>
            <a:lvl5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3256277122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m_K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k object 16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4" name="bk object 17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566404088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71561479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ektions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ggrund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PresentationTitle2"/>
          <p:cNvSpPr>
            <a:spLocks noGrp="1"/>
          </p:cNvSpPr>
          <p:nvPr>
            <p:ph type="ctrTitle" hasCustomPrompt="1"/>
          </p:nvPr>
        </p:nvSpPr>
        <p:spPr>
          <a:xfrm>
            <a:off x="761858" y="663538"/>
            <a:ext cx="7410541" cy="1186291"/>
          </a:xfrm>
        </p:spPr>
        <p:txBody>
          <a:bodyPr/>
          <a:lstStyle>
            <a:lvl1pPr>
              <a:defRPr sz="450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da-DK" noProof="0" dirty="0"/>
              <a:t>CLICK TO EDIT</a:t>
            </a:r>
            <a:br>
              <a:rPr lang="da-DK" noProof="0" dirty="0"/>
            </a:br>
            <a:r>
              <a:rPr lang="da-DK" noProof="0" dirty="0"/>
              <a:t>MASTER TITLE STYLE</a:t>
            </a:r>
          </a:p>
        </p:txBody>
      </p:sp>
      <p:sp>
        <p:nvSpPr>
          <p:cNvPr id="4" name="bk object 16"/>
          <p:cNvSpPr/>
          <p:nvPr userDrawn="1"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6" name="bk object 17"/>
          <p:cNvSpPr/>
          <p:nvPr userDrawn="1"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 lIns="0" tIns="0" rIns="0" bIns="0" rtlCol="0"/>
          <a:lstStyle/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3510119971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91761235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troside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ggrund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4572000" y="0"/>
            <a:ext cx="4572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pic>
        <p:nvPicPr>
          <p:cNvPr id="11" name="Picture 7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2629954" y="1552435"/>
            <a:ext cx="3884092" cy="20386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" name="Picture 9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363157" y="4528786"/>
            <a:ext cx="728851" cy="2609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30478336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troside 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object 5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0" y="0"/>
            <a:ext cx="4572000" cy="5143211"/>
          </a:xfrm>
          <a:custGeom>
            <a:avLst/>
            <a:gdLst/>
            <a:ahLst/>
            <a:cxnLst/>
            <a:rect l="l" t="t" r="r" b="b"/>
            <a:pathLst>
              <a:path w="10052050" h="11308715">
                <a:moveTo>
                  <a:pt x="0" y="11308556"/>
                </a:moveTo>
                <a:lnTo>
                  <a:pt x="10052049" y="11308556"/>
                </a:lnTo>
                <a:lnTo>
                  <a:pt x="10052049" y="0"/>
                </a:lnTo>
                <a:lnTo>
                  <a:pt x="0" y="0"/>
                </a:lnTo>
                <a:lnTo>
                  <a:pt x="0" y="11308556"/>
                </a:lnTo>
                <a:close/>
              </a:path>
            </a:pathLst>
          </a:custGeom>
          <a:solidFill>
            <a:schemeClr val="accent1"/>
          </a:solidFill>
        </p:spPr>
        <p:txBody>
          <a:bodyPr wrap="square" lIns="0" tIns="0" rIns="0" bIns="0" rtlCol="0"/>
          <a:lstStyle/>
          <a:p>
            <a:endParaRPr dirty="0">
              <a:solidFill>
                <a:srgbClr val="FA3C3C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9" name="Picture 9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363132" y="4528786"/>
            <a:ext cx="728903" cy="2609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08333900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side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ggrund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PresentationTitle2"/>
          <p:cNvSpPr>
            <a:spLocks noGrp="1"/>
          </p:cNvSpPr>
          <p:nvPr>
            <p:ph type="ctrTitle" hasCustomPrompt="1"/>
          </p:nvPr>
        </p:nvSpPr>
        <p:spPr>
          <a:xfrm>
            <a:off x="761858" y="663538"/>
            <a:ext cx="7410541" cy="1186291"/>
          </a:xfrm>
        </p:spPr>
        <p:txBody>
          <a:bodyPr/>
          <a:lstStyle>
            <a:lvl1pPr>
              <a:defRPr sz="4500" cap="all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da-DK" noProof="0" dirty="0"/>
              <a:t>CLICK TO EDIT</a:t>
            </a:r>
            <a:br>
              <a:rPr lang="da-DK" noProof="0" dirty="0"/>
            </a:br>
            <a:r>
              <a:rPr lang="da-DK" noProof="0" dirty="0"/>
              <a:t>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761858" y="2139702"/>
            <a:ext cx="6569531" cy="594364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ts val="1900"/>
              </a:lnSpc>
              <a:buNone/>
              <a:defRPr sz="1600" b="1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sub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  <p:pic>
        <p:nvPicPr>
          <p:cNvPr id="9" name="Picture 9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8054192" y="4563442"/>
            <a:ext cx="728903" cy="2609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16822283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side med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resentationTitle2"/>
          <p:cNvSpPr>
            <a:spLocks noGrp="1"/>
          </p:cNvSpPr>
          <p:nvPr>
            <p:ph type="ctrTitle" hasCustomPrompt="1"/>
          </p:nvPr>
        </p:nvSpPr>
        <p:spPr>
          <a:xfrm>
            <a:off x="761858" y="663538"/>
            <a:ext cx="7410541" cy="1186291"/>
          </a:xfrm>
        </p:spPr>
        <p:txBody>
          <a:bodyPr/>
          <a:lstStyle>
            <a:lvl1pPr>
              <a:defRPr sz="450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da-DK" noProof="0" dirty="0"/>
              <a:t>CLICK TO EDIT</a:t>
            </a:r>
            <a:br>
              <a:rPr lang="da-DK" noProof="0" dirty="0"/>
            </a:br>
            <a:r>
              <a:rPr lang="da-DK" noProof="0" dirty="0"/>
              <a:t>MASTER TITLE STYLE</a:t>
            </a:r>
          </a:p>
        </p:txBody>
      </p:sp>
      <p:sp>
        <p:nvSpPr>
          <p:cNvPr id="15" name="Subtitle 2"/>
          <p:cNvSpPr>
            <a:spLocks noGrp="1"/>
          </p:cNvSpPr>
          <p:nvPr>
            <p:ph type="subTitle" idx="1"/>
          </p:nvPr>
        </p:nvSpPr>
        <p:spPr>
          <a:xfrm>
            <a:off x="761858" y="2139702"/>
            <a:ext cx="6569531" cy="594364"/>
          </a:xfrm>
          <a:prstGeom prst="rect">
            <a:avLst/>
          </a:prstGeom>
        </p:spPr>
        <p:txBody>
          <a:bodyPr>
            <a:noAutofit/>
          </a:bodyPr>
          <a:lstStyle>
            <a:lvl1pPr marL="0" indent="0" algn="l">
              <a:lnSpc>
                <a:spcPts val="1900"/>
              </a:lnSpc>
              <a:buNone/>
              <a:defRPr sz="1600" b="1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sub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</p:spTree>
    <p:extLst>
      <p:ext uri="{BB962C8B-B14F-4D97-AF65-F5344CB8AC3E}">
        <p14:creationId xmlns:p14="http://schemas.microsoft.com/office/powerpoint/2010/main" val="33151114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sside 1-spal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6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763588" y="1816100"/>
            <a:ext cx="7488237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7" name="Pladsholder til dato 2"/>
          <p:cNvSpPr>
            <a:spLocks noGrp="1"/>
          </p:cNvSpPr>
          <p:nvPr>
            <p:ph type="dt" sz="half" idx="2"/>
          </p:nvPr>
        </p:nvSpPr>
        <p:spPr>
          <a:xfrm>
            <a:off x="3312382" y="4775527"/>
            <a:ext cx="2555762" cy="138499"/>
          </a:xfrm>
          <a:prstGeom prst="rect">
            <a:avLst/>
          </a:prstGeom>
        </p:spPr>
        <p:txBody>
          <a:bodyPr lIns="0" tIns="0" rIns="0" bIns="0"/>
          <a:lstStyle>
            <a:lvl1pPr>
              <a:defRPr sz="900">
                <a:latin typeface="Georgia" panose="02040502050405020303" pitchFamily="18" charset="0"/>
              </a:defRPr>
            </a:lvl1pPr>
          </a:lstStyle>
          <a:p>
            <a:fld id="{E3F176F0-4EB5-41D1-866E-A621282BE2B8}" type="datetime2">
              <a:rPr lang="da-DK" smtClean="0"/>
              <a:t>16. september 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9682116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sside 2-spal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763587" y="1816100"/>
            <a:ext cx="3600000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Pladsholder til indhold 8"/>
          <p:cNvSpPr>
            <a:spLocks noGrp="1"/>
          </p:cNvSpPr>
          <p:nvPr>
            <p:ph sz="quarter" idx="12"/>
          </p:nvPr>
        </p:nvSpPr>
        <p:spPr>
          <a:xfrm>
            <a:off x="4679950" y="1816100"/>
            <a:ext cx="3572008" cy="2592388"/>
          </a:xfrm>
          <a:prstGeom prst="rect">
            <a:avLst/>
          </a:prstGeom>
        </p:spPr>
        <p:txBody>
          <a:bodyPr/>
          <a:lstStyle/>
          <a:p>
            <a:pPr lvl="0"/>
            <a:r>
              <a:rPr lang="da-DK" dirty="0"/>
              <a:t>Rediger typografien i masterens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dato 2"/>
          <p:cNvSpPr>
            <a:spLocks noGrp="1"/>
          </p:cNvSpPr>
          <p:nvPr>
            <p:ph type="dt" sz="half" idx="2"/>
          </p:nvPr>
        </p:nvSpPr>
        <p:spPr>
          <a:xfrm>
            <a:off x="3312382" y="4775527"/>
            <a:ext cx="2555762" cy="138499"/>
          </a:xfrm>
          <a:prstGeom prst="rect">
            <a:avLst/>
          </a:prstGeom>
        </p:spPr>
        <p:txBody>
          <a:bodyPr lIns="0" tIns="0" rIns="0" bIns="0"/>
          <a:lstStyle>
            <a:lvl1pPr>
              <a:defRPr sz="900">
                <a:latin typeface="Georgia" panose="02040502050405020303" pitchFamily="18" charset="0"/>
              </a:defRPr>
            </a:lvl1pPr>
          </a:lstStyle>
          <a:p>
            <a:fld id="{E3F176F0-4EB5-41D1-866E-A621282BE2B8}" type="datetime2">
              <a:rPr lang="da-DK" smtClean="0"/>
              <a:t>16. september 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1681812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sside 3-spaltet - Høj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63200" y="663538"/>
            <a:ext cx="4889293" cy="986182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763587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Baggrund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6098400" y="0"/>
            <a:ext cx="30456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8" name="Pladsholder til tekst 5"/>
          <p:cNvSpPr>
            <a:spLocks noGrp="1"/>
          </p:cNvSpPr>
          <p:nvPr>
            <p:ph type="body" sz="quarter" idx="12"/>
          </p:nvPr>
        </p:nvSpPr>
        <p:spPr>
          <a:xfrm>
            <a:off x="3284240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Pladsholder til tekst 5"/>
          <p:cNvSpPr>
            <a:spLocks noGrp="1"/>
          </p:cNvSpPr>
          <p:nvPr>
            <p:ph type="body" sz="quarter" idx="13"/>
          </p:nvPr>
        </p:nvSpPr>
        <p:spPr>
          <a:xfrm>
            <a:off x="6480212" y="663538"/>
            <a:ext cx="2368253" cy="3763156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1pPr>
            <a:lvl2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2pPr>
            <a:lvl3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3pPr>
            <a:lvl4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4pPr>
            <a:lvl5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bk object 16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1" name="bk object 17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2" name="Pladsholder til dato 2"/>
          <p:cNvSpPr>
            <a:spLocks noGrp="1"/>
          </p:cNvSpPr>
          <p:nvPr>
            <p:ph type="dt" sz="half" idx="2"/>
          </p:nvPr>
        </p:nvSpPr>
        <p:spPr>
          <a:xfrm>
            <a:off x="3312382" y="4775527"/>
            <a:ext cx="2555762" cy="138499"/>
          </a:xfrm>
          <a:prstGeom prst="rect">
            <a:avLst/>
          </a:prstGeom>
        </p:spPr>
        <p:txBody>
          <a:bodyPr lIns="0" tIns="0" rIns="0" bIns="0"/>
          <a:lstStyle>
            <a:lvl1pPr>
              <a:defRPr sz="900">
                <a:latin typeface="Georgia" panose="02040502050405020303" pitchFamily="18" charset="0"/>
              </a:defRPr>
            </a:lvl1pPr>
          </a:lstStyle>
          <a:p>
            <a:fld id="{E3F176F0-4EB5-41D1-866E-A621282BE2B8}" type="datetime2">
              <a:rPr lang="da-DK" smtClean="0"/>
              <a:t>16. september 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7197263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sside 3-spaltet - Vens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3671900" y="663538"/>
            <a:ext cx="4889293" cy="986182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3672287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Baggrund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0" y="0"/>
            <a:ext cx="30456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8" name="Pladsholder til tekst 5"/>
          <p:cNvSpPr>
            <a:spLocks noGrp="1"/>
          </p:cNvSpPr>
          <p:nvPr>
            <p:ph type="body" sz="quarter" idx="12"/>
          </p:nvPr>
        </p:nvSpPr>
        <p:spPr>
          <a:xfrm>
            <a:off x="6192940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Pladsholder til tekst 5"/>
          <p:cNvSpPr>
            <a:spLocks noGrp="1"/>
          </p:cNvSpPr>
          <p:nvPr>
            <p:ph type="body" sz="quarter" idx="13"/>
          </p:nvPr>
        </p:nvSpPr>
        <p:spPr>
          <a:xfrm>
            <a:off x="381812" y="663538"/>
            <a:ext cx="2368253" cy="3763156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1pPr>
            <a:lvl2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2pPr>
            <a:lvl3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3pPr>
            <a:lvl4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4pPr>
            <a:lvl5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2709397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title"/>
          </p:nvPr>
        </p:nvSpPr>
        <p:spPr>
          <a:xfrm>
            <a:off x="763200" y="663538"/>
            <a:ext cx="7488758" cy="98618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  <p:sp>
        <p:nvSpPr>
          <p:cNvPr id="5" name="Tekstboks 4"/>
          <p:cNvSpPr txBox="1"/>
          <p:nvPr userDrawn="1"/>
        </p:nvSpPr>
        <p:spPr>
          <a:xfrm>
            <a:off x="1259632" y="4782627"/>
            <a:ext cx="1900588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900" b="0" noProof="0" dirty="0">
                <a:solidFill>
                  <a:srgbClr val="000000"/>
                </a:solidFill>
                <a:latin typeface="Georgia" panose="02040502050405020303" pitchFamily="18" charset="0"/>
                <a:cs typeface="Arial Bold"/>
              </a:rPr>
              <a:t>Københavns Professionshøjskole</a:t>
            </a:r>
          </a:p>
        </p:txBody>
      </p:sp>
      <p:sp>
        <p:nvSpPr>
          <p:cNvPr id="13" name="bk object 16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5" name="bk object 17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/>
          <p:nvPr userDrawn="1"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6" name="Tekstfelt 5"/>
          <p:cNvSpPr txBox="1"/>
          <p:nvPr userDrawn="1"/>
        </p:nvSpPr>
        <p:spPr>
          <a:xfrm>
            <a:off x="763200" y="4782627"/>
            <a:ext cx="424424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fld id="{5336F107-9AFD-4B73-BA88-5B99619BFCA3}" type="slidenum">
              <a:rPr lang="da-DK" sz="900" b="0" noProof="0" smtClean="0">
                <a:solidFill>
                  <a:schemeClr val="tx1"/>
                </a:solidFill>
                <a:latin typeface="Georgia" panose="02040502050405020303" pitchFamily="18" charset="0"/>
                <a:cs typeface="Arial Bold"/>
              </a:rPr>
              <a:t>‹nr.›</a:t>
            </a:fld>
            <a:endParaRPr lang="da-DK" sz="900" b="0" noProof="0" dirty="0">
              <a:solidFill>
                <a:schemeClr val="tx1"/>
              </a:solidFill>
              <a:latin typeface="Georgia" panose="02040502050405020303" pitchFamily="18" charset="0"/>
              <a:cs typeface="Arial Bold"/>
            </a:endParaRP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4" r:id="rId1"/>
    <p:sldLayoutId id="2147483653" r:id="rId2"/>
    <p:sldLayoutId id="2147483661" r:id="rId3"/>
    <p:sldLayoutId id="2147483650" r:id="rId4"/>
    <p:sldLayoutId id="2147483662" r:id="rId5"/>
    <p:sldLayoutId id="2147483699" r:id="rId6"/>
    <p:sldLayoutId id="2147483700" r:id="rId7"/>
    <p:sldLayoutId id="2147483701" r:id="rId8"/>
    <p:sldLayoutId id="2147483702" r:id="rId9"/>
    <p:sldLayoutId id="2147483703" r:id="rId10"/>
    <p:sldLayoutId id="2147483704" r:id="rId11"/>
    <p:sldLayoutId id="2147483705" r:id="rId12"/>
    <p:sldLayoutId id="2147483707" r:id="rId13"/>
    <p:sldLayoutId id="2147483708" r:id="rId14"/>
    <p:sldLayoutId id="2147483706" r:id="rId15"/>
    <p:sldLayoutId id="2147483709" r:id="rId16"/>
  </p:sldLayoutIdLst>
  <p:hf hdr="0"/>
  <p:txStyles>
    <p:titleStyle>
      <a:lvl1pPr algn="l" defTabSz="457200" rtl="0" eaLnBrk="1" latinLnBrk="0" hangingPunct="1">
        <a:lnSpc>
          <a:spcPct val="90000"/>
        </a:lnSpc>
        <a:spcBef>
          <a:spcPct val="0"/>
        </a:spcBef>
        <a:buNone/>
        <a:defRPr sz="3000" b="1" kern="1200" cap="none" baseline="0">
          <a:solidFill>
            <a:schemeClr val="accent1"/>
          </a:solidFill>
          <a:latin typeface="+mn-lt"/>
          <a:ea typeface="+mj-ea"/>
          <a:cs typeface="Arial" pitchFamily="34" charset="0"/>
        </a:defRPr>
      </a:lvl1pPr>
    </p:titleStyle>
    <p:bodyStyle>
      <a:lvl1pPr marL="0" indent="0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Arial" panose="020B0604020202020204" pitchFamily="34" charset="0"/>
        <a:buNone/>
        <a:defRPr sz="1600" kern="1200">
          <a:solidFill>
            <a:schemeClr val="tx1"/>
          </a:solidFill>
          <a:latin typeface="+mn-lt"/>
          <a:ea typeface="+mn-ea"/>
          <a:cs typeface="Arial" pitchFamily="34" charset="0"/>
        </a:defRPr>
      </a:lvl1pPr>
      <a:lvl2pPr marL="180975" indent="0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None/>
        <a:defRPr sz="1600" kern="1200">
          <a:solidFill>
            <a:schemeClr val="tx1"/>
          </a:solidFill>
          <a:latin typeface="+mn-lt"/>
          <a:ea typeface="+mn-ea"/>
          <a:cs typeface="Arial" pitchFamily="34" charset="0"/>
        </a:defRPr>
      </a:lvl2pPr>
      <a:lvl3pPr marL="361950" indent="0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None/>
        <a:defRPr sz="1600" kern="1200">
          <a:solidFill>
            <a:schemeClr val="tx1"/>
          </a:solidFill>
          <a:latin typeface="+mn-lt"/>
          <a:ea typeface="+mn-ea"/>
          <a:cs typeface="Arial" pitchFamily="34" charset="0"/>
        </a:defRPr>
      </a:lvl3pPr>
      <a:lvl4pPr marL="534988" indent="0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None/>
        <a:defRPr sz="1600" kern="1200">
          <a:solidFill>
            <a:schemeClr val="tx1"/>
          </a:solidFill>
          <a:latin typeface="+mn-lt"/>
          <a:ea typeface="+mn-ea"/>
          <a:cs typeface="Arial" pitchFamily="34" charset="0"/>
        </a:defRPr>
      </a:lvl4pPr>
      <a:lvl5pPr marL="715963" indent="0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None/>
        <a:defRPr sz="1600" kern="1200">
          <a:solidFill>
            <a:schemeClr val="tx1"/>
          </a:solidFill>
          <a:latin typeface="+mn-lt"/>
          <a:ea typeface="+mn-ea"/>
          <a:cs typeface="Arial" pitchFamily="34" charset="0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6.xml"/><Relationship Id="rId1" Type="http://schemas.openxmlformats.org/officeDocument/2006/relationships/tags" Target="../tags/tag1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7.xml"/><Relationship Id="rId1" Type="http://schemas.openxmlformats.org/officeDocument/2006/relationships/tags" Target="../tags/tag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FC27ACA-1A3B-78E0-F9BC-2D8989E2E92D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/>
              <a:t>Undervisningsmiljø-vurdering </a:t>
            </a:r>
          </a:p>
        </p:txBody>
      </p:sp>
      <p:sp>
        <p:nvSpPr>
          <p:cNvPr id="3" name="Undertitel 2">
            <a:extLst>
              <a:ext uri="{FF2B5EF4-FFF2-40B4-BE49-F238E27FC236}">
                <a16:creationId xmlns:a16="http://schemas.microsoft.com/office/drawing/2014/main" id="{98476032-2D4B-3F45-4071-E77D21DB7990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sz="2400" dirty="0"/>
              <a:t>Pædagogisk assistentuddannelse </a:t>
            </a:r>
          </a:p>
          <a:p>
            <a:r>
              <a:rPr lang="da-DK" sz="2400" dirty="0"/>
              <a:t>16.09.2022</a:t>
            </a:r>
          </a:p>
        </p:txBody>
      </p:sp>
    </p:spTree>
    <p:extLst>
      <p:ext uri="{BB962C8B-B14F-4D97-AF65-F5344CB8AC3E}">
        <p14:creationId xmlns:p14="http://schemas.microsoft.com/office/powerpoint/2010/main" val="61672970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/>
          <p:cNvSpPr txBox="1">
            <a:spLocks/>
          </p:cNvSpPr>
          <p:nvPr/>
        </p:nvSpPr>
        <p:spPr>
          <a:xfrm>
            <a:off x="827584" y="375506"/>
            <a:ext cx="7488237" cy="806450"/>
          </a:xfrm>
          <a:prstGeom prst="rect">
            <a:avLst/>
          </a:prstGeom>
        </p:spPr>
        <p:txBody>
          <a:bodyPr/>
          <a:lstStyle>
            <a:lvl1pPr algn="ctr" defTabSz="4572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l"/>
            <a:r>
              <a:rPr lang="da-DK" sz="2800" dirty="0">
                <a:solidFill>
                  <a:schemeClr val="tx1">
                    <a:lumMod val="85000"/>
                    <a:lumOff val="15000"/>
                  </a:schemeClr>
                </a:solidFill>
                <a:latin typeface="Georgia" panose="02040502050405020303" pitchFamily="18" charset="0"/>
                <a:cs typeface="Arial" panose="020B0604020202020204" pitchFamily="34" charset="0"/>
              </a:rPr>
              <a:t>Undervisningsmiljøet skal fremme elevernes muligheder for udvikling og læring</a:t>
            </a:r>
          </a:p>
        </p:txBody>
      </p:sp>
      <p:sp>
        <p:nvSpPr>
          <p:cNvPr id="2" name="Rektangel 1">
            <a:extLst>
              <a:ext uri="{FF2B5EF4-FFF2-40B4-BE49-F238E27FC236}">
                <a16:creationId xmlns:a16="http://schemas.microsoft.com/office/drawing/2014/main" id="{DABE64B8-147B-46EC-88FE-15024FFF4751}"/>
              </a:ext>
            </a:extLst>
          </p:cNvPr>
          <p:cNvSpPr>
            <a:spLocks/>
          </p:cNvSpPr>
          <p:nvPr/>
        </p:nvSpPr>
        <p:spPr>
          <a:xfrm>
            <a:off x="3419574" y="2414042"/>
            <a:ext cx="2304256" cy="2358578"/>
          </a:xfrm>
          <a:prstGeom prst="rect">
            <a:avLst/>
          </a:prstGeom>
          <a:solidFill>
            <a:schemeClr val="accent4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23" name="Rektangel 22">
            <a:extLst>
              <a:ext uri="{FF2B5EF4-FFF2-40B4-BE49-F238E27FC236}">
                <a16:creationId xmlns:a16="http://schemas.microsoft.com/office/drawing/2014/main" id="{5B440781-58B8-4FD6-945E-816017AAA094}"/>
              </a:ext>
            </a:extLst>
          </p:cNvPr>
          <p:cNvSpPr>
            <a:spLocks/>
          </p:cNvSpPr>
          <p:nvPr/>
        </p:nvSpPr>
        <p:spPr>
          <a:xfrm rot="704378">
            <a:off x="6343619" y="1557365"/>
            <a:ext cx="2304256" cy="2358578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24" name="Rektangel 23">
            <a:extLst>
              <a:ext uri="{FF2B5EF4-FFF2-40B4-BE49-F238E27FC236}">
                <a16:creationId xmlns:a16="http://schemas.microsoft.com/office/drawing/2014/main" id="{83136C98-089D-4809-8DD0-0DFDB7A65342}"/>
              </a:ext>
            </a:extLst>
          </p:cNvPr>
          <p:cNvSpPr>
            <a:spLocks/>
          </p:cNvSpPr>
          <p:nvPr/>
        </p:nvSpPr>
        <p:spPr>
          <a:xfrm rot="21061629">
            <a:off x="541543" y="1500445"/>
            <a:ext cx="2304256" cy="2358578"/>
          </a:xfrm>
          <a:prstGeom prst="rect">
            <a:avLst/>
          </a:prstGeom>
          <a:solidFill>
            <a:schemeClr val="accent3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25" name="Tekstfelt 24">
            <a:extLst>
              <a:ext uri="{FF2B5EF4-FFF2-40B4-BE49-F238E27FC236}">
                <a16:creationId xmlns:a16="http://schemas.microsoft.com/office/drawing/2014/main" id="{0D32E3CF-5928-4A6B-8206-F494CACB2668}"/>
              </a:ext>
            </a:extLst>
          </p:cNvPr>
          <p:cNvSpPr txBox="1">
            <a:spLocks/>
          </p:cNvSpPr>
          <p:nvPr/>
        </p:nvSpPr>
        <p:spPr>
          <a:xfrm rot="21061433">
            <a:off x="784229" y="1944242"/>
            <a:ext cx="2031914" cy="1754326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r>
              <a:rPr lang="da-DK" sz="1200" dirty="0">
                <a:solidFill>
                  <a:schemeClr val="bg1">
                    <a:lumMod val="9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eklima lyd, lys, luft og temperatur</a:t>
            </a:r>
          </a:p>
          <a:p>
            <a:r>
              <a:rPr lang="da-DK" sz="1200" dirty="0">
                <a:solidFill>
                  <a:schemeClr val="bg1">
                    <a:lumMod val="9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Fysiske rammer pladsforhold og inventar</a:t>
            </a:r>
          </a:p>
          <a:p>
            <a:r>
              <a:rPr lang="da-DK" sz="1200" dirty="0">
                <a:solidFill>
                  <a:schemeClr val="bg1">
                    <a:lumMod val="9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Sundhed toiletforhold og rengøring</a:t>
            </a:r>
          </a:p>
          <a:p>
            <a:r>
              <a:rPr lang="da-DK" sz="1200" dirty="0">
                <a:solidFill>
                  <a:schemeClr val="bg1">
                    <a:lumMod val="9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kkerhed </a:t>
            </a:r>
            <a:r>
              <a:rPr lang="da-DK" sz="1200" dirty="0" err="1">
                <a:solidFill>
                  <a:schemeClr val="bg1">
                    <a:lumMod val="9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kkerhed</a:t>
            </a:r>
            <a:r>
              <a:rPr lang="da-DK" sz="1200" dirty="0">
                <a:solidFill>
                  <a:schemeClr val="bg1">
                    <a:lumMod val="9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 mht. skolens faciliteter,</a:t>
            </a:r>
          </a:p>
          <a:p>
            <a:r>
              <a:rPr lang="da-DK" sz="1200" dirty="0">
                <a:solidFill>
                  <a:schemeClr val="bg1">
                    <a:lumMod val="9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ulykke og kriseberedskab </a:t>
            </a:r>
          </a:p>
        </p:txBody>
      </p:sp>
      <p:sp>
        <p:nvSpPr>
          <p:cNvPr id="26" name="Tekstfelt 25">
            <a:extLst>
              <a:ext uri="{FF2B5EF4-FFF2-40B4-BE49-F238E27FC236}">
                <a16:creationId xmlns:a16="http://schemas.microsoft.com/office/drawing/2014/main" id="{66A46353-3933-4392-AB13-DD1CF074A5A1}"/>
              </a:ext>
            </a:extLst>
          </p:cNvPr>
          <p:cNvSpPr txBox="1">
            <a:spLocks/>
          </p:cNvSpPr>
          <p:nvPr/>
        </p:nvSpPr>
        <p:spPr>
          <a:xfrm rot="21000000">
            <a:off x="638991" y="1644135"/>
            <a:ext cx="962123" cy="400110"/>
          </a:xfrm>
          <a:prstGeom prst="rect">
            <a:avLst/>
          </a:prstGeom>
          <a:noFill/>
          <a:ln>
            <a:noFill/>
          </a:ln>
        </p:spPr>
        <p:txBody>
          <a:bodyPr wrap="none" rtlCol="0">
            <a:spAutoFit/>
          </a:bodyPr>
          <a:lstStyle/>
          <a:p>
            <a:r>
              <a:rPr lang="da-DK" sz="2000" dirty="0">
                <a:solidFill>
                  <a:schemeClr val="bg1">
                    <a:lumMod val="9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Fysisk</a:t>
            </a:r>
            <a:r>
              <a:rPr lang="da-DK" sz="1400" dirty="0">
                <a:solidFill>
                  <a:schemeClr val="bg1">
                    <a:lumMod val="9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</a:p>
        </p:txBody>
      </p:sp>
      <p:sp>
        <p:nvSpPr>
          <p:cNvPr id="27" name="Tekstfelt 26">
            <a:extLst>
              <a:ext uri="{FF2B5EF4-FFF2-40B4-BE49-F238E27FC236}">
                <a16:creationId xmlns:a16="http://schemas.microsoft.com/office/drawing/2014/main" id="{13E66C60-7AE2-4F66-9E33-C7A34365B0E3}"/>
              </a:ext>
            </a:extLst>
          </p:cNvPr>
          <p:cNvSpPr txBox="1">
            <a:spLocks/>
          </p:cNvSpPr>
          <p:nvPr/>
        </p:nvSpPr>
        <p:spPr>
          <a:xfrm>
            <a:off x="3555745" y="2931790"/>
            <a:ext cx="2031914" cy="1015663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r>
              <a:rPr lang="da-DK" sz="1200" dirty="0">
                <a:solidFill>
                  <a:schemeClr val="bg1">
                    <a:lumMod val="9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en af rum rummets sprog og materialitet</a:t>
            </a:r>
          </a:p>
          <a:p>
            <a:r>
              <a:rPr lang="da-DK" sz="1200" dirty="0">
                <a:solidFill>
                  <a:schemeClr val="bg1">
                    <a:lumMod val="9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Atmosfære udsmykning og indretning</a:t>
            </a:r>
          </a:p>
          <a:p>
            <a:endParaRPr lang="da-DK" sz="1200" dirty="0">
              <a:solidFill>
                <a:schemeClr val="bg1">
                  <a:lumMod val="95000"/>
                </a:schemeClr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8" name="Tekstfelt 27">
            <a:extLst>
              <a:ext uri="{FF2B5EF4-FFF2-40B4-BE49-F238E27FC236}">
                <a16:creationId xmlns:a16="http://schemas.microsoft.com/office/drawing/2014/main" id="{CEA28B95-7939-4D70-9D73-D6290655A0E7}"/>
              </a:ext>
            </a:extLst>
          </p:cNvPr>
          <p:cNvSpPr txBox="1">
            <a:spLocks/>
          </p:cNvSpPr>
          <p:nvPr/>
        </p:nvSpPr>
        <p:spPr>
          <a:xfrm>
            <a:off x="3555745" y="2537816"/>
            <a:ext cx="1167307" cy="400110"/>
          </a:xfrm>
          <a:prstGeom prst="rect">
            <a:avLst/>
          </a:prstGeom>
          <a:noFill/>
          <a:ln>
            <a:noFill/>
          </a:ln>
        </p:spPr>
        <p:txBody>
          <a:bodyPr wrap="none" rtlCol="0">
            <a:spAutoFit/>
          </a:bodyPr>
          <a:lstStyle/>
          <a:p>
            <a:r>
              <a:rPr lang="da-DK" sz="2000" dirty="0">
                <a:solidFill>
                  <a:schemeClr val="bg1">
                    <a:lumMod val="9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Æstetisk</a:t>
            </a:r>
            <a:endParaRPr lang="da-DK" dirty="0">
              <a:solidFill>
                <a:schemeClr val="bg1">
                  <a:lumMod val="95000"/>
                </a:schemeClr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9" name="Tekstfelt 28">
            <a:extLst>
              <a:ext uri="{FF2B5EF4-FFF2-40B4-BE49-F238E27FC236}">
                <a16:creationId xmlns:a16="http://schemas.microsoft.com/office/drawing/2014/main" id="{C621DA9A-8D0E-448A-AAE2-A28BADCF2663}"/>
              </a:ext>
            </a:extLst>
          </p:cNvPr>
          <p:cNvSpPr txBox="1">
            <a:spLocks/>
          </p:cNvSpPr>
          <p:nvPr/>
        </p:nvSpPr>
        <p:spPr>
          <a:xfrm rot="22320000">
            <a:off x="6727197" y="1524934"/>
            <a:ext cx="1055097" cy="400110"/>
          </a:xfrm>
          <a:prstGeom prst="rect">
            <a:avLst/>
          </a:prstGeom>
          <a:noFill/>
          <a:ln>
            <a:noFill/>
          </a:ln>
        </p:spPr>
        <p:txBody>
          <a:bodyPr wrap="none" rtlCol="0">
            <a:spAutoFit/>
          </a:bodyPr>
          <a:lstStyle/>
          <a:p>
            <a:r>
              <a:rPr lang="da-DK" sz="2000" dirty="0">
                <a:solidFill>
                  <a:schemeClr val="bg1">
                    <a:lumMod val="9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Psykisk</a:t>
            </a:r>
            <a:endParaRPr lang="da-DK" dirty="0">
              <a:solidFill>
                <a:schemeClr val="bg1">
                  <a:lumMod val="95000"/>
                </a:schemeClr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0" name="Tekstfelt 29">
            <a:extLst>
              <a:ext uri="{FF2B5EF4-FFF2-40B4-BE49-F238E27FC236}">
                <a16:creationId xmlns:a16="http://schemas.microsoft.com/office/drawing/2014/main" id="{183C0727-FA11-49AA-BA73-813426130C53}"/>
              </a:ext>
            </a:extLst>
          </p:cNvPr>
          <p:cNvSpPr txBox="1">
            <a:spLocks/>
          </p:cNvSpPr>
          <p:nvPr/>
        </p:nvSpPr>
        <p:spPr>
          <a:xfrm rot="724941">
            <a:off x="6479789" y="1982595"/>
            <a:ext cx="2031914" cy="1754326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r>
              <a:rPr lang="da-DK" sz="1200">
                <a:solidFill>
                  <a:schemeClr val="bg1">
                    <a:lumMod val="9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Trivsel velbefindende, kompetencer</a:t>
            </a:r>
          </a:p>
          <a:p>
            <a:r>
              <a:rPr lang="da-DK" sz="1200">
                <a:solidFill>
                  <a:schemeClr val="bg1">
                    <a:lumMod val="9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medbestemmelse</a:t>
            </a:r>
          </a:p>
          <a:p>
            <a:r>
              <a:rPr lang="da-DK" sz="1200">
                <a:solidFill>
                  <a:schemeClr val="bg1">
                    <a:lumMod val="9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Relationer lærer-elev, elev-elev samt mobning</a:t>
            </a:r>
          </a:p>
          <a:p>
            <a:r>
              <a:rPr lang="da-DK" sz="1200">
                <a:solidFill>
                  <a:schemeClr val="bg1">
                    <a:lumMod val="9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Færdigheder og læring koncentration,</a:t>
            </a:r>
          </a:p>
          <a:p>
            <a:r>
              <a:rPr lang="da-DK" sz="1200">
                <a:solidFill>
                  <a:schemeClr val="bg1">
                    <a:lumMod val="9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vejledning/feedback, støtte og motivation</a:t>
            </a:r>
            <a:endParaRPr lang="da-DK" sz="1200" dirty="0">
              <a:solidFill>
                <a:schemeClr val="bg1">
                  <a:lumMod val="95000"/>
                </a:schemeClr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4" name="bk object 16"/>
          <p:cNvSpPr>
            <a:spLocks/>
          </p:cNvSpPr>
          <p:nvPr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5" name="bk object 17"/>
          <p:cNvSpPr>
            <a:spLocks/>
          </p:cNvSpPr>
          <p:nvPr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661703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C3C2726-C22E-9804-B6EE-9E83DC6C274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1800" dirty="0">
                <a:effectLst/>
                <a:latin typeface="Georgia" panose="02040502050405020303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  <a:t>Kortlægning af undervisningsmiljøet:</a:t>
            </a:r>
            <a:br>
              <a:rPr lang="da-DK" sz="1800" dirty="0">
                <a:effectLst/>
                <a:latin typeface="Georgia" panose="02040502050405020303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endParaRPr lang="da-DK" dirty="0"/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9AC580DC-F302-639A-0D79-8800DE9F0C10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763588" y="1239602"/>
            <a:ext cx="7488237" cy="3168886"/>
          </a:xfrm>
        </p:spPr>
        <p:txBody>
          <a:bodyPr/>
          <a:lstStyle/>
          <a:p>
            <a:pPr>
              <a:lnSpc>
                <a:spcPts val="1400"/>
              </a:lnSpc>
              <a:tabLst>
                <a:tab pos="140335" algn="l"/>
              </a:tabLst>
            </a:pPr>
            <a:endParaRPr lang="da-DK" sz="1400" dirty="0">
              <a:effectLst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ts val="1400"/>
              </a:lnSpc>
              <a:tabLst>
                <a:tab pos="140335" algn="l"/>
              </a:tabLst>
            </a:pPr>
            <a:r>
              <a:rPr lang="da-DK" sz="1400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Kortlægningen af undervisningsmiljøet baseres på spørgeskemaundersøgelser samt dialog med eleverne i fællesrådet og lærere:</a:t>
            </a:r>
            <a:br>
              <a:rPr lang="da-DK" sz="1400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</a:br>
            <a:endParaRPr lang="da-DK" sz="1400" dirty="0">
              <a:effectLst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ts val="1400"/>
              </a:lnSpc>
              <a:buFont typeface="Symbol" panose="05050102010706020507" pitchFamily="18" charset="2"/>
              <a:buChar char=""/>
              <a:tabLst>
                <a:tab pos="140335" algn="l"/>
              </a:tabLst>
            </a:pPr>
            <a:r>
              <a:rPr lang="da-DK" sz="1400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Elevtrivselsundersøgelse (ETU)</a:t>
            </a:r>
          </a:p>
          <a:p>
            <a:pPr marL="342900" lvl="0" indent="-342900">
              <a:lnSpc>
                <a:spcPts val="1400"/>
              </a:lnSpc>
              <a:buFont typeface="Symbol" panose="05050102010706020507" pitchFamily="18" charset="2"/>
              <a:buChar char=""/>
              <a:tabLst>
                <a:tab pos="140335" algn="l"/>
              </a:tabLst>
            </a:pPr>
            <a:r>
              <a:rPr lang="da-DK" sz="1400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Profilforløbsevalueringer 2021-22</a:t>
            </a:r>
          </a:p>
          <a:p>
            <a:pPr marL="342900" lvl="0" indent="-342900">
              <a:lnSpc>
                <a:spcPts val="1400"/>
              </a:lnSpc>
              <a:buFont typeface="Symbol" panose="05050102010706020507" pitchFamily="18" charset="2"/>
              <a:buChar char=""/>
              <a:tabLst>
                <a:tab pos="140335" algn="l"/>
              </a:tabLst>
            </a:pPr>
            <a:r>
              <a:rPr lang="da-DK" sz="1400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Temamøde om elevtrivselsundersøgelse og undervisningsmiljøvurdering i Fællesrådet</a:t>
            </a:r>
          </a:p>
          <a:p>
            <a:pPr marL="342900" lvl="0" indent="-342900">
              <a:lnSpc>
                <a:spcPts val="1400"/>
              </a:lnSpc>
              <a:buFont typeface="Symbol" panose="05050102010706020507" pitchFamily="18" charset="2"/>
              <a:buChar char=""/>
              <a:tabLst>
                <a:tab pos="140335" algn="l"/>
              </a:tabLst>
            </a:pPr>
            <a:r>
              <a:rPr lang="da-DK" sz="1400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Udviklingsmøde om elevtrivselsundersøgelse og undervisningsmiljøvurdering med lærere og ledelse</a:t>
            </a:r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667FAE50-8C6F-7CA8-F59C-6ADEDDFF2726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16. september 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7652653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7B1B828-0A75-F78B-1F08-567CFE6A390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63588" y="566491"/>
            <a:ext cx="7488758" cy="986182"/>
          </a:xfrm>
        </p:spPr>
        <p:txBody>
          <a:bodyPr/>
          <a:lstStyle/>
          <a:p>
            <a:r>
              <a:rPr lang="da-DK" sz="1800" dirty="0">
                <a:effectLst/>
                <a:latin typeface="Georgia" panose="02040502050405020303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  <a:t>Overordnede resultater</a:t>
            </a:r>
            <a:br>
              <a:rPr lang="da-DK" sz="1800" dirty="0">
                <a:effectLst/>
                <a:latin typeface="Georgia" panose="02040502050405020303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endParaRPr lang="da-DK" dirty="0"/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DC2A4D3F-4DA6-858B-0C3C-E917864B0DBA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764109" y="897297"/>
            <a:ext cx="7488237" cy="3348906"/>
          </a:xfrm>
        </p:spPr>
        <p:txBody>
          <a:bodyPr/>
          <a:lstStyle/>
          <a:p>
            <a:r>
              <a:rPr lang="da-DK" sz="1400" dirty="0"/>
              <a:t>Kortlægningen viser et godt undervisningsmiljø med elever, der har en høj trivsel. Elevtrivslen har været stigende de seneste år og ligger på niveau med eller over landsgennemsnittet på alle indikatorer. </a:t>
            </a:r>
          </a:p>
          <a:p>
            <a:r>
              <a:rPr lang="da-DK" sz="1400" dirty="0"/>
              <a:t>Eleverne oplever høj faglighed, dygtige og engagerede lærere og god feedback. De føler, de har gode muligheder for medbestemmelse. </a:t>
            </a:r>
          </a:p>
          <a:p>
            <a:r>
              <a:rPr lang="da-DK" sz="1400" dirty="0"/>
              <a:t>De er glade for de fysiske omgivelser i form af studentercafe, idrætssale, værksteder, mv. </a:t>
            </a:r>
          </a:p>
          <a:p>
            <a:r>
              <a:rPr lang="da-DK" sz="1400" dirty="0"/>
              <a:t>Eleverne efterlyser </a:t>
            </a:r>
            <a:r>
              <a:rPr lang="da-DK" sz="1400" dirty="0" err="1"/>
              <a:t>ifht</a:t>
            </a:r>
            <a:r>
              <a:rPr lang="da-DK" sz="1400" dirty="0"/>
              <a:t>. fysiske undervisningsmiljø større fokus på sikkerhed ved ulykker samt kriseberedskab. </a:t>
            </a:r>
          </a:p>
          <a:p>
            <a:r>
              <a:rPr lang="da-DK" sz="1400" dirty="0"/>
              <a:t>Affaldssorteringssystemet medfører, at der ikke er skraldespande i de enkelte lokaler, og eleverne oplever derfor, at der kan være efterladt skrald i lokalerne. </a:t>
            </a:r>
          </a:p>
          <a:p>
            <a:r>
              <a:rPr lang="da-DK" sz="1400" dirty="0"/>
              <a:t>Eleverne roser det æstetiske undervisningsmiljø herunder at udsmykningen på fx vægge signalerer tilhørsforhold til pædagogisk praksis, men ønsker mere af det. </a:t>
            </a:r>
          </a:p>
          <a:p>
            <a:r>
              <a:rPr lang="da-DK" sz="1400" dirty="0"/>
              <a:t>Eleverne efterlyser et bedre psykisk undervisningsmiljø </a:t>
            </a:r>
            <a:r>
              <a:rPr lang="da-DK" sz="1400" dirty="0" err="1"/>
              <a:t>ifht</a:t>
            </a:r>
            <a:r>
              <a:rPr lang="da-DK" sz="1400" dirty="0"/>
              <a:t>. graden af elevernes sociale medansvar, når det kommer til engagement i undervisningen en klasserumskultur, hvor alle elever har gode deltagelsesmuligheder. </a:t>
            </a:r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92285F54-7CD9-58ED-1CAB-17A794B64C03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16. september 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6722859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ladsholder til dato 2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4255902C-8C1A-4DAD-A8E7-D33067E00D87}" type="datetime2">
              <a:rPr lang="da-DK" smtClean="0"/>
              <a:t>16. september 2022</a:t>
            </a:fld>
            <a:endParaRPr lang="en-GB" dirty="0"/>
          </a:p>
        </p:txBody>
      </p:sp>
      <p:graphicFrame>
        <p:nvGraphicFramePr>
          <p:cNvPr id="10" name="Tabel 10">
            <a:extLst>
              <a:ext uri="{FF2B5EF4-FFF2-40B4-BE49-F238E27FC236}">
                <a16:creationId xmlns:a16="http://schemas.microsoft.com/office/drawing/2014/main" id="{E9CDB218-062A-7BEA-AB52-B47023D7479A}"/>
              </a:ext>
            </a:extLst>
          </p:cNvPr>
          <p:cNvGraphicFramePr>
            <a:graphicFrameLocks noGrp="1"/>
          </p:cNvGraphicFramePr>
          <p:nvPr>
            <p:ph sz="quarter" idx="12"/>
            <p:extLst>
              <p:ext uri="{D42A27DB-BD31-4B8C-83A1-F6EECF244321}">
                <p14:modId xmlns:p14="http://schemas.microsoft.com/office/powerpoint/2010/main" val="629419480"/>
              </p:ext>
            </p:extLst>
          </p:nvPr>
        </p:nvGraphicFramePr>
        <p:xfrm>
          <a:off x="863588" y="607214"/>
          <a:ext cx="7516826" cy="3339763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758413">
                  <a:extLst>
                    <a:ext uri="{9D8B030D-6E8A-4147-A177-3AD203B41FA5}">
                      <a16:colId xmlns:a16="http://schemas.microsoft.com/office/drawing/2014/main" val="2086139364"/>
                    </a:ext>
                  </a:extLst>
                </a:gridCol>
                <a:gridCol w="3758413">
                  <a:extLst>
                    <a:ext uri="{9D8B030D-6E8A-4147-A177-3AD203B41FA5}">
                      <a16:colId xmlns:a16="http://schemas.microsoft.com/office/drawing/2014/main" val="2524521877"/>
                    </a:ext>
                  </a:extLst>
                </a:gridCol>
              </a:tblGrid>
              <a:tr h="524376">
                <a:tc>
                  <a:txBody>
                    <a:bodyPr/>
                    <a:lstStyle/>
                    <a:p>
                      <a:r>
                        <a:rPr lang="da-DK" sz="1400" dirty="0"/>
                        <a:t>Her gjorde vi det godt</a:t>
                      </a:r>
                      <a:r>
                        <a:rPr lang="da-DK" sz="1200" dirty="0"/>
                        <a:t>	</a:t>
                      </a:r>
                    </a:p>
                    <a:p>
                      <a:endParaRPr lang="da-DK" sz="12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400" dirty="0"/>
                        <a:t>Her oplevede vi udfordring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1912389"/>
                  </a:ext>
                </a:extLst>
              </a:tr>
              <a:tr h="465417"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br>
                        <a:rPr lang="da-DK" sz="14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</a:br>
                      <a:r>
                        <a:rPr lang="da-DK" sz="14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Fagligt niveau</a:t>
                      </a: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br>
                        <a:rPr lang="da-DK" sz="14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</a:br>
                      <a:r>
                        <a:rPr lang="da-DK" sz="14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Viden om sikkerhed ved ulykker samt kriseberedskab.</a:t>
                      </a: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4004356966"/>
                  </a:ext>
                </a:extLst>
              </a:tr>
              <a:tr h="465417"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br>
                        <a:rPr lang="da-DK" sz="14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</a:br>
                      <a:r>
                        <a:rPr lang="da-DK" sz="14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Engagerede lærere</a:t>
                      </a: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br>
                        <a:rPr lang="da-DK" sz="14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</a:br>
                      <a:r>
                        <a:rPr lang="da-DK" sz="14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Affaldssortering</a:t>
                      </a: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3153317185"/>
                  </a:ext>
                </a:extLst>
              </a:tr>
              <a:tr h="465417"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br>
                        <a:rPr lang="da-DK" sz="14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</a:br>
                      <a:r>
                        <a:rPr lang="da-DK" sz="14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Skolens ry</a:t>
                      </a: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br>
                        <a:rPr lang="da-DK" sz="14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</a:br>
                      <a:r>
                        <a:rPr lang="da-DK" sz="14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Atmosfære udsmykning og indretning</a:t>
                      </a: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238705412"/>
                  </a:ext>
                </a:extLst>
              </a:tr>
              <a:tr h="420319"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br>
                        <a:rPr lang="da-DK" sz="14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</a:br>
                      <a:r>
                        <a:rPr lang="da-DK" sz="14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Studenterfaciliteter</a:t>
                      </a: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br>
                        <a:rPr lang="da-DK" sz="14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</a:br>
                      <a:r>
                        <a:rPr lang="da-DK" sz="14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Elevernes sociale medansvar</a:t>
                      </a: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3683094429"/>
                  </a:ext>
                </a:extLst>
              </a:tr>
              <a:tr h="465417"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br>
                        <a:rPr lang="da-DK" sz="14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</a:br>
                      <a:r>
                        <a:rPr lang="da-DK" sz="14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Feedback</a:t>
                      </a: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00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 </a:t>
                      </a: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3362028662"/>
                  </a:ext>
                </a:extLst>
              </a:tr>
              <a:tr h="465417"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br>
                        <a:rPr lang="da-DK" sz="14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</a:br>
                      <a:r>
                        <a:rPr lang="da-DK" sz="14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Sammenhæng i uddannelsen</a:t>
                      </a: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0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 </a:t>
                      </a: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2532094679"/>
                  </a:ext>
                </a:extLst>
              </a:tr>
            </a:tbl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403334463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Tabel 1">
            <a:extLst>
              <a:ext uri="{FF2B5EF4-FFF2-40B4-BE49-F238E27FC236}">
                <a16:creationId xmlns:a16="http://schemas.microsoft.com/office/drawing/2014/main" id="{14E58FE1-861B-99A3-7B2A-AC8E28896A72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044595156"/>
              </p:ext>
            </p:extLst>
          </p:nvPr>
        </p:nvGraphicFramePr>
        <p:xfrm>
          <a:off x="1" y="627534"/>
          <a:ext cx="9143999" cy="4726770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1828231">
                  <a:extLst>
                    <a:ext uri="{9D8B030D-6E8A-4147-A177-3AD203B41FA5}">
                      <a16:colId xmlns:a16="http://schemas.microsoft.com/office/drawing/2014/main" val="3909776966"/>
                    </a:ext>
                  </a:extLst>
                </a:gridCol>
                <a:gridCol w="1936500">
                  <a:extLst>
                    <a:ext uri="{9D8B030D-6E8A-4147-A177-3AD203B41FA5}">
                      <a16:colId xmlns:a16="http://schemas.microsoft.com/office/drawing/2014/main" val="523409183"/>
                    </a:ext>
                  </a:extLst>
                </a:gridCol>
                <a:gridCol w="2423710">
                  <a:extLst>
                    <a:ext uri="{9D8B030D-6E8A-4147-A177-3AD203B41FA5}">
                      <a16:colId xmlns:a16="http://schemas.microsoft.com/office/drawing/2014/main" val="3334175134"/>
                    </a:ext>
                  </a:extLst>
                </a:gridCol>
                <a:gridCol w="1345767">
                  <a:extLst>
                    <a:ext uri="{9D8B030D-6E8A-4147-A177-3AD203B41FA5}">
                      <a16:colId xmlns:a16="http://schemas.microsoft.com/office/drawing/2014/main" val="525879762"/>
                    </a:ext>
                  </a:extLst>
                </a:gridCol>
                <a:gridCol w="1609791">
                  <a:extLst>
                    <a:ext uri="{9D8B030D-6E8A-4147-A177-3AD203B41FA5}">
                      <a16:colId xmlns:a16="http://schemas.microsoft.com/office/drawing/2014/main" val="3475808836"/>
                    </a:ext>
                  </a:extLst>
                </a:gridCol>
              </a:tblGrid>
              <a:tr h="691851"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 dirty="0">
                          <a:effectLst/>
                        </a:rPr>
                        <a:t>Succes eller udfordring,</a:t>
                      </a:r>
                    </a:p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 dirty="0">
                          <a:effectLst/>
                        </a:rPr>
                        <a:t>som arbejdes med,</a:t>
                      </a:r>
                    </a:p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 dirty="0">
                          <a:effectLst/>
                        </a:rPr>
                        <a:t>herunder målgruppen</a:t>
                      </a:r>
                      <a:endParaRPr lang="da-DK" sz="1200" dirty="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 dirty="0">
                          <a:effectLst/>
                        </a:rPr>
                        <a:t>Indsats</a:t>
                      </a:r>
                      <a:endParaRPr lang="da-DK" sz="1200" dirty="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 dirty="0">
                          <a:effectLst/>
                        </a:rPr>
                        <a:t>Ønsket mål</a:t>
                      </a:r>
                    </a:p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 dirty="0">
                          <a:effectLst/>
                        </a:rPr>
                        <a:t>for indsatsen</a:t>
                      </a:r>
                      <a:endParaRPr lang="da-DK" sz="1200" dirty="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Ansvarlig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Tidsplan</a:t>
                      </a:r>
                    </a:p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(Start /slut og</a:t>
                      </a:r>
                    </a:p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evt. deadlines)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extLst>
                  <a:ext uri="{0D108BD9-81ED-4DB2-BD59-A6C34878D82A}">
                    <a16:rowId xmlns:a16="http://schemas.microsoft.com/office/drawing/2014/main" val="3630259016"/>
                  </a:ext>
                </a:extLst>
              </a:tr>
              <a:tr h="1190119"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Fysisk undervisningsmiljø</a:t>
                      </a:r>
                    </a:p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Sikkerhed mht. </a:t>
                      </a:r>
                    </a:p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ulykke og kriseberedskab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Introduktion til skolens beredskabsplan, flugtplaner, placering af hjertestartere mv. indgår som en del af introforløbet på uddannelsen.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Eleverne kender til skolens ulykke- og kriseberedskab og ved, hvordan de skal forholde sig i tilfælde af en hændelse.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Ledelsen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2023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extLst>
                  <a:ext uri="{0D108BD9-81ED-4DB2-BD59-A6C34878D82A}">
                    <a16:rowId xmlns:a16="http://schemas.microsoft.com/office/drawing/2014/main" val="2318678388"/>
                  </a:ext>
                </a:extLst>
              </a:tr>
              <a:tr h="937044"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Fysisk undervisningsmiljø</a:t>
                      </a:r>
                    </a:p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Fysiske rammer og inventar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Affaldssorteringssystemet indgår i undervisningen som en del af orienteringsløbet i introforløbet og fx faget innovation.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Eleverne bidrager til at holde campus pænt ved at rydde op efter sig i undervisningslokaler mv. og herefter sortere deres affald.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 dirty="0">
                          <a:effectLst/>
                        </a:rPr>
                        <a:t>Lærere og elever, Fællesrådet</a:t>
                      </a:r>
                      <a:endParaRPr lang="da-DK" sz="1200" dirty="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2023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extLst>
                  <a:ext uri="{0D108BD9-81ED-4DB2-BD59-A6C34878D82A}">
                    <a16:rowId xmlns:a16="http://schemas.microsoft.com/office/drawing/2014/main" val="1600117697"/>
                  </a:ext>
                </a:extLst>
              </a:tr>
              <a:tr h="1056628"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Æstetisk undervisningsmiljø</a:t>
                      </a:r>
                    </a:p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Atmosfære udsmykning og indretning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Elever involveres i at indrette uddannelsens nye laboratorie, så det danner bedst mulig ramme om træning af praktiske færdigheder.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Udsmykningen i lokaler og fællesområder medvirker til at skabe en tydelig sammenhæng med praksis. 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Ledelsen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2022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extLst>
                  <a:ext uri="{0D108BD9-81ED-4DB2-BD59-A6C34878D82A}">
                    <a16:rowId xmlns:a16="http://schemas.microsoft.com/office/drawing/2014/main" val="567229139"/>
                  </a:ext>
                </a:extLst>
              </a:tr>
              <a:tr h="656156"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Psykisk undervisningsmiljø</a:t>
                      </a:r>
                    </a:p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Elevernes sociale medansvar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Flere holddage med fokus på klasserumskultur faciliteret af holdlærer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Alle elever bidrager til en inkluderende klasserumskultur med deltagelsesmuligheder for alle elever.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Lærere og elever, Fællesrådet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 dirty="0">
                          <a:effectLst/>
                        </a:rPr>
                        <a:t> 2023</a:t>
                      </a:r>
                      <a:endParaRPr lang="da-DK" sz="1200" dirty="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37476" marR="37476" marT="0" marB="0"/>
                </a:tc>
                <a:extLst>
                  <a:ext uri="{0D108BD9-81ED-4DB2-BD59-A6C34878D82A}">
                    <a16:rowId xmlns:a16="http://schemas.microsoft.com/office/drawing/2014/main" val="2744433365"/>
                  </a:ext>
                </a:extLst>
              </a:tr>
            </a:tbl>
          </a:graphicData>
        </a:graphic>
      </p:graphicFrame>
      <p:sp>
        <p:nvSpPr>
          <p:cNvPr id="4" name="Tekstfelt 3">
            <a:extLst>
              <a:ext uri="{FF2B5EF4-FFF2-40B4-BE49-F238E27FC236}">
                <a16:creationId xmlns:a16="http://schemas.microsoft.com/office/drawing/2014/main" id="{8A938DBF-131C-F31C-F4E7-E55A22542AEC}"/>
              </a:ext>
            </a:extLst>
          </p:cNvPr>
          <p:cNvSpPr txBox="1"/>
          <p:nvPr/>
        </p:nvSpPr>
        <p:spPr>
          <a:xfrm>
            <a:off x="71500" y="114186"/>
            <a:ext cx="6084676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800" dirty="0">
                <a:effectLst/>
                <a:latin typeface="Georgia" panose="02040502050405020303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  <a:t>Handleplan</a:t>
            </a:r>
          </a:p>
        </p:txBody>
      </p:sp>
    </p:spTree>
    <p:extLst>
      <p:ext uri="{BB962C8B-B14F-4D97-AF65-F5344CB8AC3E}">
        <p14:creationId xmlns:p14="http://schemas.microsoft.com/office/powerpoint/2010/main" val="200112179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Tabel 1">
            <a:extLst>
              <a:ext uri="{FF2B5EF4-FFF2-40B4-BE49-F238E27FC236}">
                <a16:creationId xmlns:a16="http://schemas.microsoft.com/office/drawing/2014/main" id="{0E1CBF74-D47F-E424-A234-1B766AB64415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284441588"/>
              </p:ext>
            </p:extLst>
          </p:nvPr>
        </p:nvGraphicFramePr>
        <p:xfrm>
          <a:off x="0" y="591530"/>
          <a:ext cx="9144000" cy="4551971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2286000">
                  <a:extLst>
                    <a:ext uri="{9D8B030D-6E8A-4147-A177-3AD203B41FA5}">
                      <a16:colId xmlns:a16="http://schemas.microsoft.com/office/drawing/2014/main" val="601824925"/>
                    </a:ext>
                  </a:extLst>
                </a:gridCol>
                <a:gridCol w="2286000">
                  <a:extLst>
                    <a:ext uri="{9D8B030D-6E8A-4147-A177-3AD203B41FA5}">
                      <a16:colId xmlns:a16="http://schemas.microsoft.com/office/drawing/2014/main" val="400200125"/>
                    </a:ext>
                  </a:extLst>
                </a:gridCol>
                <a:gridCol w="2286000">
                  <a:extLst>
                    <a:ext uri="{9D8B030D-6E8A-4147-A177-3AD203B41FA5}">
                      <a16:colId xmlns:a16="http://schemas.microsoft.com/office/drawing/2014/main" val="1364394944"/>
                    </a:ext>
                  </a:extLst>
                </a:gridCol>
                <a:gridCol w="2286000">
                  <a:extLst>
                    <a:ext uri="{9D8B030D-6E8A-4147-A177-3AD203B41FA5}">
                      <a16:colId xmlns:a16="http://schemas.microsoft.com/office/drawing/2014/main" val="1877161654"/>
                    </a:ext>
                  </a:extLst>
                </a:gridCol>
              </a:tblGrid>
              <a:tr h="452046"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 dirty="0">
                          <a:effectLst/>
                        </a:rPr>
                        <a:t>Indsats og</a:t>
                      </a:r>
                    </a:p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 dirty="0">
                          <a:effectLst/>
                        </a:rPr>
                        <a:t>opgaver i opfølgningen</a:t>
                      </a:r>
                      <a:endParaRPr lang="da-DK" sz="1200" dirty="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1200" marR="5120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Hvem står for</a:t>
                      </a:r>
                    </a:p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opfølgningen?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1200" marR="5120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Hvordan udføres</a:t>
                      </a:r>
                    </a:p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opgaverne?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1200" marR="5120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Hvornår?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1200" marR="51200" marT="0" marB="0"/>
                </a:tc>
                <a:extLst>
                  <a:ext uri="{0D108BD9-81ED-4DB2-BD59-A6C34878D82A}">
                    <a16:rowId xmlns:a16="http://schemas.microsoft.com/office/drawing/2014/main" val="2563332508"/>
                  </a:ext>
                </a:extLst>
              </a:tr>
              <a:tr h="1251131"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Introduktion til skolens beredskabsplan, flugtplaner, placering af hjertestartere mv. indgår som en del af introforløbet på uddannelsen.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1200" marR="5120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 dirty="0">
                          <a:effectLst/>
                        </a:rPr>
                        <a:t>Ledelsen og evalueringskoordinator</a:t>
                      </a:r>
                      <a:endParaRPr lang="da-DK" sz="1200" dirty="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1200" marR="5120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Opfølgningen sker som en del af evaluering af introforløbet, som alle hold gennemfører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1200" marR="5120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Løbende, status oktober 2023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1200" marR="51200" marT="0" marB="0"/>
                </a:tc>
                <a:extLst>
                  <a:ext uri="{0D108BD9-81ED-4DB2-BD59-A6C34878D82A}">
                    <a16:rowId xmlns:a16="http://schemas.microsoft.com/office/drawing/2014/main" val="2872702521"/>
                  </a:ext>
                </a:extLst>
              </a:tr>
              <a:tr h="1070212"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Affaldssorteringssystemet indgår i undervisningen som en del af orienteringsløbet i introforløbet og fx faget innovation.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1200" marR="5120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Ledelsen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1200" marR="5120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Dialog med eleverne i fællesrådet på baggrund af tilbagemelding fra holdene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1200" marR="5120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Løbende, status oktober 2023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1200" marR="51200" marT="0" marB="0"/>
                </a:tc>
                <a:extLst>
                  <a:ext uri="{0D108BD9-81ED-4DB2-BD59-A6C34878D82A}">
                    <a16:rowId xmlns:a16="http://schemas.microsoft.com/office/drawing/2014/main" val="2079578168"/>
                  </a:ext>
                </a:extLst>
              </a:tr>
              <a:tr h="1070212"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Elever involveres i at indrette uddannelsens nye laboratorie, så det danner bedst mulig ramme om træning af praktiske færdigheder.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1200" marR="5120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Ledelse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1200" marR="5120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Dialog med lærere og eleverne i fællesrådet på baggrund af tilbagemelding fra holdene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1200" marR="5120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Løbende, status oktober 2023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1200" marR="51200" marT="0" marB="0"/>
                </a:tc>
                <a:extLst>
                  <a:ext uri="{0D108BD9-81ED-4DB2-BD59-A6C34878D82A}">
                    <a16:rowId xmlns:a16="http://schemas.microsoft.com/office/drawing/2014/main" val="2172659818"/>
                  </a:ext>
                </a:extLst>
              </a:tr>
              <a:tr h="708370"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Flere holddage med fokus på klasserumskultur faciliteret af holdlærer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1200" marR="5120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Ledelse og holdlærere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1200" marR="5120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>
                          <a:effectLst/>
                        </a:rPr>
                        <a:t>Dialog med eleverne i fællesrådet på baggrund af tilbagemelding fra holdene</a:t>
                      </a:r>
                      <a:endParaRPr lang="da-DK" sz="120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1200" marR="5120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ts val="1400"/>
                        </a:lnSpc>
                        <a:tabLst>
                          <a:tab pos="140335" algn="l"/>
                        </a:tabLst>
                      </a:pPr>
                      <a:r>
                        <a:rPr lang="da-DK" sz="1200" dirty="0">
                          <a:effectLst/>
                        </a:rPr>
                        <a:t>Løbende, status oktober 2023</a:t>
                      </a:r>
                      <a:endParaRPr lang="da-DK" sz="1200" dirty="0"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1200" marR="51200" marT="0" marB="0"/>
                </a:tc>
                <a:extLst>
                  <a:ext uri="{0D108BD9-81ED-4DB2-BD59-A6C34878D82A}">
                    <a16:rowId xmlns:a16="http://schemas.microsoft.com/office/drawing/2014/main" val="579385572"/>
                  </a:ext>
                </a:extLst>
              </a:tr>
            </a:tbl>
          </a:graphicData>
        </a:graphic>
      </p:graphicFrame>
      <p:sp>
        <p:nvSpPr>
          <p:cNvPr id="4" name="Tekstfelt 3">
            <a:extLst>
              <a:ext uri="{FF2B5EF4-FFF2-40B4-BE49-F238E27FC236}">
                <a16:creationId xmlns:a16="http://schemas.microsoft.com/office/drawing/2014/main" id="{5A6116C1-1E20-8630-5790-19972DD29786}"/>
              </a:ext>
            </a:extLst>
          </p:cNvPr>
          <p:cNvSpPr txBox="1"/>
          <p:nvPr/>
        </p:nvSpPr>
        <p:spPr>
          <a:xfrm>
            <a:off x="143508" y="123478"/>
            <a:ext cx="727280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dirty="0">
                <a:latin typeface="Georgia" panose="02040502050405020303" pitchFamily="18" charset="0"/>
              </a:rPr>
              <a:t>Retningslinjer for opfølgning på handleplanens indsatser</a:t>
            </a:r>
          </a:p>
        </p:txBody>
      </p:sp>
    </p:spTree>
    <p:extLst>
      <p:ext uri="{BB962C8B-B14F-4D97-AF65-F5344CB8AC3E}">
        <p14:creationId xmlns:p14="http://schemas.microsoft.com/office/powerpoint/2010/main" val="228349453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725633056938436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85584988892560"/>
</p:tagLst>
</file>

<file path=ppt/theme/theme1.xml><?xml version="1.0" encoding="utf-8"?>
<a:theme xmlns:a="http://schemas.openxmlformats.org/drawingml/2006/main" name="Københavns Professionshøjskole">
  <a:themeElements>
    <a:clrScheme name="KP Design Grøn">
      <a:dk1>
        <a:sysClr val="windowText" lastClr="000000"/>
      </a:dk1>
      <a:lt1>
        <a:sysClr val="window" lastClr="FFFFFF"/>
      </a:lt1>
      <a:dk2>
        <a:srgbClr val="000000"/>
      </a:dk2>
      <a:lt2>
        <a:srgbClr val="FFFFFF"/>
      </a:lt2>
      <a:accent1>
        <a:srgbClr val="005447"/>
      </a:accent1>
      <a:accent2>
        <a:srgbClr val="CCCCCC"/>
      </a:accent2>
      <a:accent3>
        <a:srgbClr val="929292"/>
      </a:accent3>
      <a:accent4>
        <a:srgbClr val="404040"/>
      </a:accent4>
      <a:accent5>
        <a:srgbClr val="8CCDB9"/>
      </a:accent5>
      <a:accent6>
        <a:srgbClr val="148C78"/>
      </a:accent6>
      <a:hlink>
        <a:srgbClr val="404040"/>
      </a:hlink>
      <a:folHlink>
        <a:srgbClr val="E6E6E6"/>
      </a:folHlink>
    </a:clrScheme>
    <a:fontScheme name="KP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tx1"/>
        </a:solidFill>
        <a:ln>
          <a:solidFill>
            <a:schemeClr val="tx1"/>
          </a:solidFill>
        </a:ln>
        <a:effectLst/>
      </a:spPr>
      <a:bodyPr rtlCol="0" anchor="ctr"/>
      <a:lstStyle>
        <a:defPPr algn="ctr">
          <a:defRPr dirty="0" err="1"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>
        <a:ln w="9525">
          <a:solidFill>
            <a:srgbClr val="192337"/>
          </a:solidFill>
        </a:ln>
        <a:effectLst/>
      </a:spPr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rtlCol="0">
        <a:spAutoFit/>
      </a:bodyPr>
      <a:lstStyle>
        <a:defPPr algn="l">
          <a:defRPr sz="1600" b="1" noProof="0" dirty="0">
            <a:solidFill>
              <a:schemeClr val="tx1"/>
            </a:solidFill>
            <a:latin typeface="+mn-lt"/>
            <a:cs typeface="Arial Bold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Metropol Basis.potx" id="{AE914001-0B5F-4CC7-BC1C-7FDF869E2037}" vid="{4D584845-0B5D-4D78-8C36-79E14000C3B6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FE2E63814B1FF14BABBFF995C7FD32F0" ma:contentTypeVersion="13" ma:contentTypeDescription="Opret et nyt dokument." ma:contentTypeScope="" ma:versionID="ad8ccd7b471a962714b45c67abe0aada">
  <xsd:schema xmlns:xsd="http://www.w3.org/2001/XMLSchema" xmlns:xs="http://www.w3.org/2001/XMLSchema" xmlns:p="http://schemas.microsoft.com/office/2006/metadata/properties" xmlns:ns2="5416ca48-f997-41b8-bf26-fa1282c7d5f4" xmlns:ns3="2b1e201a-78de-4de3-bfd1-4e1b27bb89cc" targetNamespace="http://schemas.microsoft.com/office/2006/metadata/properties" ma:root="true" ma:fieldsID="5863b4cdfa2b3198ba7fa0c044b3bb8f" ns2:_="" ns3:_="">
    <xsd:import namespace="5416ca48-f997-41b8-bf26-fa1282c7d5f4"/>
    <xsd:import namespace="2b1e201a-78de-4de3-bfd1-4e1b27bb89cc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3:SharedWithUsers" minOccurs="0"/>
                <xsd:element ref="ns3:SharedWithDetails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AutoKeyPoints" minOccurs="0"/>
                <xsd:element ref="ns2:MediaServiceKeyPoints" minOccurs="0"/>
                <xsd:element ref="ns2:lcf76f155ced4ddcb4097134ff3c332f" minOccurs="0"/>
                <xsd:element ref="ns3:TaxCatchAll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5416ca48-f997-41b8-bf26-fa1282c7d5f4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12" nillable="true" ma:displayName="Tags" ma:internalName="MediaServiceAutoTags" ma:readOnly="true">
      <xsd:simpleType>
        <xsd:restriction base="dms:Text"/>
      </xsd:simpleType>
    </xsd:element>
    <xsd:element name="MediaServiceOCR" ma:index="13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4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5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AutoKeyPoints" ma:index="16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7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lcf76f155ced4ddcb4097134ff3c332f" ma:index="19" nillable="true" ma:taxonomy="true" ma:internalName="lcf76f155ced4ddcb4097134ff3c332f" ma:taxonomyFieldName="MediaServiceImageTags" ma:displayName="Billedmærker" ma:readOnly="false" ma:fieldId="{5cf76f15-5ced-4ddc-b409-7134ff3c332f}" ma:taxonomyMulti="true" ma:sspId="315ba257-2ce8-4821-9133-510de1ae0d55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b1e201a-78de-4de3-bfd1-4e1b27bb89cc" elementFormDefault="qualified">
    <xsd:import namespace="http://schemas.microsoft.com/office/2006/documentManagement/types"/>
    <xsd:import namespace="http://schemas.microsoft.com/office/infopath/2007/PartnerControls"/>
    <xsd:element name="SharedWithUsers" ma:index="10" nillable="true" ma:displayName="Delt med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1" nillable="true" ma:displayName="Delt med detaljer" ma:internalName="SharedWithDetails" ma:readOnly="true">
      <xsd:simpleType>
        <xsd:restriction base="dms:Note">
          <xsd:maxLength value="255"/>
        </xsd:restriction>
      </xsd:simpleType>
    </xsd:element>
    <xsd:element name="TaxCatchAll" ma:index="20" nillable="true" ma:displayName="Taxonomy Catch All Column" ma:hidden="true" ma:list="{7489a7c6-a0ba-4bb6-87e8-fbbe52b9f8fa}" ma:internalName="TaxCatchAll" ma:showField="CatchAllData" ma:web="2b1e201a-78de-4de3-bfd1-4e1b27bb89cc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dholdstype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C8FE8086-EBAC-4E1D-BBE7-5E820046A01B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D1152B45-8778-4F18-8F4E-C4154292AFDC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5416ca48-f997-41b8-bf26-fa1282c7d5f4"/>
    <ds:schemaRef ds:uri="2b1e201a-78de-4de3-bfd1-4e1b27bb89cc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230</TotalTime>
  <Words>723</Words>
  <Application>Microsoft Office PowerPoint</Application>
  <PresentationFormat>Skærmshow (16:9)</PresentationFormat>
  <Paragraphs>113</Paragraphs>
  <Slides>7</Slides>
  <Notes>1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5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7</vt:i4>
      </vt:variant>
    </vt:vector>
  </HeadingPairs>
  <TitlesOfParts>
    <vt:vector size="13" baseType="lpstr">
      <vt:lpstr>Arial</vt:lpstr>
      <vt:lpstr>Calibri</vt:lpstr>
      <vt:lpstr>Georgia</vt:lpstr>
      <vt:lpstr>Symbol</vt:lpstr>
      <vt:lpstr>Wingdings</vt:lpstr>
      <vt:lpstr>Københavns Professionshøjskole</vt:lpstr>
      <vt:lpstr>Undervisningsmiljø-vurdering </vt:lpstr>
      <vt:lpstr>PowerPoint-præsentation</vt:lpstr>
      <vt:lpstr>Kortlægning af undervisningsmiljøet: </vt:lpstr>
      <vt:lpstr>Overordnede resultater </vt:lpstr>
      <vt:lpstr>PowerPoint-præsentation</vt:lpstr>
      <vt:lpstr>PowerPoint-præsentation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æsentation</dc:title>
  <dc:creator>Københavns Professionshøjskole</dc:creator>
  <cp:lastModifiedBy>Vibeke Brander Lenskjold</cp:lastModifiedBy>
  <cp:revision>9</cp:revision>
  <dcterms:modified xsi:type="dcterms:W3CDTF">2022-09-16T10:23:1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20-07-01T11:37:31.4570462Z</vt:lpwstr>
  </property>
  <property fmtid="{D5CDD505-2E9C-101B-9397-08002B2CF9AE}" pid="3" name="CustomerId">
    <vt:lpwstr>kph</vt:lpwstr>
  </property>
  <property fmtid="{D5CDD505-2E9C-101B-9397-08002B2CF9AE}" pid="4" name="TemplateId">
    <vt:lpwstr>637079423311687069</vt:lpwstr>
  </property>
  <property fmtid="{D5CDD505-2E9C-101B-9397-08002B2CF9AE}" pid="5" name="UserProfileId">
    <vt:lpwstr>636887712271574548</vt:lpwstr>
  </property>
</Properties>
</file>